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2101\調達課\group\005調達第二\平成31年度\13_随意契約による物品購入状況の公表\02_公表作業\31_3Q\03_エクセル\02 貼付用\"/>
    </mc:Choice>
  </mc:AlternateContent>
  <bookViews>
    <workbookView xWindow="0" yWindow="0" windowWidth="19200" windowHeight="7310"/>
  </bookViews>
  <sheets>
    <sheet name="公表用" sheetId="7" r:id="rId1"/>
  </sheets>
  <definedNames>
    <definedName name="_xlnm._FilterDatabase" localSheetId="0" hidden="1">公表用!$A$1:$I$119</definedName>
    <definedName name="_xlnm.Print_Area" localSheetId="0">公表用!$A$1:$I$119</definedName>
    <definedName name="_xlnm.Print_Titles" localSheetId="0">公表用!$1:$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17" uniqueCount="375">
  <si>
    <t>年度</t>
    <rPh sb="0" eb="2">
      <t>ネンド</t>
    </rPh>
    <phoneticPr fontId="4"/>
  </si>
  <si>
    <t>所属名</t>
    <rPh sb="0" eb="2">
      <t>ショゾク</t>
    </rPh>
    <rPh sb="2" eb="3">
      <t>メイ</t>
    </rPh>
    <phoneticPr fontId="4"/>
  </si>
  <si>
    <t>支出負担
行為番号</t>
    <rPh sb="0" eb="2">
      <t>シシュツ</t>
    </rPh>
    <rPh sb="2" eb="4">
      <t>フタン</t>
    </rPh>
    <rPh sb="5" eb="7">
      <t>コウイ</t>
    </rPh>
    <rPh sb="7" eb="9">
      <t>バンゴウ</t>
    </rPh>
    <phoneticPr fontId="4"/>
  </si>
  <si>
    <t>件名</t>
    <rPh sb="0" eb="2">
      <t>ケンメイ</t>
    </rPh>
    <phoneticPr fontId="4"/>
  </si>
  <si>
    <t>契約金額</t>
    <rPh sb="0" eb="2">
      <t>ケイヤク</t>
    </rPh>
    <rPh sb="2" eb="4">
      <t>キンガク</t>
    </rPh>
    <phoneticPr fontId="4"/>
  </si>
  <si>
    <t>契約相手方</t>
    <rPh sb="0" eb="2">
      <t>ケイヤク</t>
    </rPh>
    <rPh sb="2" eb="4">
      <t>アイテ</t>
    </rPh>
    <rPh sb="4" eb="5">
      <t>カタ</t>
    </rPh>
    <phoneticPr fontId="4"/>
  </si>
  <si>
    <t>法人番号</t>
  </si>
  <si>
    <t>決裁日</t>
    <rPh sb="0" eb="2">
      <t>ケッサイ</t>
    </rPh>
    <rPh sb="2" eb="3">
      <t>ビ</t>
    </rPh>
    <phoneticPr fontId="4"/>
  </si>
  <si>
    <t>くらし安全防災局</t>
  </si>
  <si>
    <t>消費生活課</t>
  </si>
  <si>
    <t>372306</t>
  </si>
  <si>
    <t>封筒（長３）の購入　消費生活課</t>
  </si>
  <si>
    <t>（福）貴峯　貴峯荘ワークピア　理事長　岩渕　壽郎</t>
  </si>
  <si>
    <t>5021005006777</t>
  </si>
  <si>
    <t>381757</t>
  </si>
  <si>
    <t>書籍（18歳成人教材）の購入　消費生活課</t>
  </si>
  <si>
    <t>（株）有隣堂　代表取締役　松信　裕</t>
  </si>
  <si>
    <t>2020001029308</t>
  </si>
  <si>
    <t>386945</t>
  </si>
  <si>
    <t>消費者市民社会普及啓発イベント「エシカルトークかながわ2019」出演等謝礼用図書カードの購入　消費生活課</t>
  </si>
  <si>
    <t>389124</t>
  </si>
  <si>
    <t>アルミイーゼルほかの購入　消費生活課</t>
  </si>
  <si>
    <t>（株）トシダ　代表取締役　土志田　仁</t>
  </si>
  <si>
    <t>5020001015536</t>
  </si>
  <si>
    <t>521696</t>
  </si>
  <si>
    <t>消耗品購入代</t>
  </si>
  <si>
    <t>（株）山下商店　代表取締役　山下　孝</t>
  </si>
  <si>
    <t>1020001013915</t>
  </si>
  <si>
    <t>540453</t>
  </si>
  <si>
    <t>（株）文盛堂　代表取締役　尾作　晃</t>
  </si>
  <si>
    <t>2021001013805</t>
  </si>
  <si>
    <t>545412</t>
  </si>
  <si>
    <t>新聞代（第４四半期分）</t>
  </si>
  <si>
    <t>（有）大石新聞販売　代表取締役　大石　基裕</t>
  </si>
  <si>
    <t>1020002059569</t>
  </si>
  <si>
    <t>545413</t>
  </si>
  <si>
    <t>（株）ユース　代表取締役　久松　叔男</t>
  </si>
  <si>
    <t>1010001059703</t>
  </si>
  <si>
    <t>545414</t>
  </si>
  <si>
    <t>ニュースサービス日経横浜　代表　古川　哲也</t>
  </si>
  <si>
    <t/>
  </si>
  <si>
    <t>545415</t>
  </si>
  <si>
    <t>産経新聞　神奈川区中央新横浜ＳＣ　代表　佐藤　仁史</t>
  </si>
  <si>
    <t>くらし安全交通課</t>
  </si>
  <si>
    <t>387763</t>
  </si>
  <si>
    <t>パイオランテープほかの購入　くらし安全交通課</t>
  </si>
  <si>
    <t>407189</t>
  </si>
  <si>
    <t>令和元年度 ユースカレッジ学生・生徒企画会議 第７回会議参加者への謝礼品　くらし安全交通課</t>
  </si>
  <si>
    <t>425530</t>
  </si>
  <si>
    <t>「２０１９飲酒運転を根絶しよう！！県民大会」出演者への謝礼</t>
  </si>
  <si>
    <t>462098</t>
  </si>
  <si>
    <t>安全・安心まちづくり交流集会　防犯活動事例発表団体に対する謝礼品</t>
  </si>
  <si>
    <t>462168</t>
  </si>
  <si>
    <t>セーフティかながわユースカレッジ第２回研修会　防犯活動事例発表団体に対する謝礼品</t>
  </si>
  <si>
    <t>468109</t>
  </si>
  <si>
    <t>防犯啓発品の作成</t>
  </si>
  <si>
    <t>サンエス技研（株）　代表取締役　山下　直樹</t>
  </si>
  <si>
    <t>6011001008645</t>
  </si>
  <si>
    <t>506164</t>
  </si>
  <si>
    <t>年末年始安全・安心キャンペーン協力者（司会者）への謝礼</t>
  </si>
  <si>
    <t>509039</t>
  </si>
  <si>
    <t>表彰楯（山ゆり及び県マーク入り）</t>
  </si>
  <si>
    <t>松本徽章（株）　代表取締役　松本　光政</t>
  </si>
  <si>
    <t>9020001028947</t>
  </si>
  <si>
    <t>525516</t>
  </si>
  <si>
    <t>ゴム印及び受領印の購入代</t>
  </si>
  <si>
    <t>525574</t>
  </si>
  <si>
    <t>セーフティかながわユースカレッジ第８回学生・生徒企画会議参加者への謝礼品代</t>
  </si>
  <si>
    <t>540673</t>
  </si>
  <si>
    <t>液晶モニター及びキーボードの購入</t>
  </si>
  <si>
    <t>539434</t>
  </si>
  <si>
    <t>第４四半期新聞購読料（横浜駐在事務所）</t>
  </si>
  <si>
    <t>539455</t>
  </si>
  <si>
    <t>第４四半期新聞購読料（本課分）</t>
  </si>
  <si>
    <t>539456</t>
  </si>
  <si>
    <t>ＡＳＡ関内　所長　出本　啓司</t>
  </si>
  <si>
    <t>5020001048577</t>
  </si>
  <si>
    <t>539457</t>
  </si>
  <si>
    <t>（株）横浜日経社　代表取締役　浅野　容三</t>
  </si>
  <si>
    <t>3020001029587</t>
  </si>
  <si>
    <t>544459</t>
  </si>
  <si>
    <t>セーフティかながわユースカレッジ第９回学生・生徒企画会議参加者ほかに対する謝礼品代</t>
  </si>
  <si>
    <t>総務危機管理室</t>
  </si>
  <si>
    <t>385203</t>
  </si>
  <si>
    <t>2019年度複写用再生紙代　９月分</t>
  </si>
  <si>
    <t>桔梗屋紙商事（株）　代表取締役　早瀬　照洋</t>
  </si>
  <si>
    <t>5020001128924</t>
  </si>
  <si>
    <t>430626</t>
  </si>
  <si>
    <t>追録代（10/2分）</t>
  </si>
  <si>
    <t>（株）ぎょうせい　東京支社　支社長　大川　和弘</t>
  </si>
  <si>
    <t>1010001100425</t>
  </si>
  <si>
    <t>433422</t>
  </si>
  <si>
    <t>ホッチキス針、クリアファイル、レフィルポケットの購入</t>
  </si>
  <si>
    <t>（株）トミヤ　代表取締役　佐久間　聡</t>
  </si>
  <si>
    <t>5020001035006</t>
  </si>
  <si>
    <t>456081</t>
  </si>
  <si>
    <t>複写用再生紙代（10月分）</t>
  </si>
  <si>
    <t>535050</t>
  </si>
  <si>
    <t>複写用再生紙代（11月分）</t>
  </si>
  <si>
    <t>580975</t>
  </si>
  <si>
    <t>追録代（（株）ぎょうせい分）（12月13日分）</t>
  </si>
  <si>
    <t>工業保安課</t>
  </si>
  <si>
    <t>372053</t>
  </si>
  <si>
    <t>令和元年度　追録代（高圧ガス保安法令例規集275号～277号）　工業保安課</t>
  </si>
  <si>
    <t>新日本法規出版（株）　代表取締役社長　星　謙一郎</t>
  </si>
  <si>
    <t>5180001036822</t>
  </si>
  <si>
    <t>380186</t>
  </si>
  <si>
    <t>神奈川県高圧ガス優良事業所等知事表彰受賞者記念品代（百合輪楯）　工業保安課</t>
  </si>
  <si>
    <t>（株）横浜瑞宝堂　代表取締役　矢萩　惠美子</t>
  </si>
  <si>
    <t>1021001002354</t>
  </si>
  <si>
    <t>508950</t>
  </si>
  <si>
    <t>名刺の購入</t>
  </si>
  <si>
    <t>（福）光友会　神奈川ワークショップ　所長　中野　健士</t>
  </si>
  <si>
    <t>8021005000323</t>
  </si>
  <si>
    <t>510256</t>
  </si>
  <si>
    <t>追録代（高圧ガス保安法令例規集278号～279号）及び（問答式ＬＰガス取扱の実務42-43）</t>
  </si>
  <si>
    <t>529554</t>
  </si>
  <si>
    <t>図書代（判例六法professhional）</t>
  </si>
  <si>
    <t>株式会社　有斐閣　代表取締役　江草　貞治</t>
  </si>
  <si>
    <t>8010001031300</t>
  </si>
  <si>
    <t>532384</t>
  </si>
  <si>
    <t>新聞購読料（第４四半期分）</t>
  </si>
  <si>
    <t>災害対策課</t>
  </si>
  <si>
    <t>372018</t>
  </si>
  <si>
    <t>防毒マスク吸収缶の購入　災害対策課</t>
  </si>
  <si>
    <t>（株）シーエスワン　代表取締役　河本　康浩</t>
  </si>
  <si>
    <t>4020001034396</t>
  </si>
  <si>
    <t>374990</t>
  </si>
  <si>
    <t>事務用品等の購入　災害対策課</t>
  </si>
  <si>
    <t>（株）マルハチ　代表取締役　八木　幹雄</t>
  </si>
  <si>
    <t>4020001018845</t>
  </si>
  <si>
    <t>452464</t>
  </si>
  <si>
    <t>事務用参考図書代</t>
  </si>
  <si>
    <t>469582</t>
  </si>
  <si>
    <t>「市町村地域防災計画実務提要」追録代</t>
  </si>
  <si>
    <t>第一法規（株）　代表取締役社長　田中　英弥</t>
  </si>
  <si>
    <t>7010401017486</t>
  </si>
  <si>
    <t>487797</t>
  </si>
  <si>
    <t>ゴム印（収受印）購入代</t>
  </si>
  <si>
    <t>（株）実門堂　代表取締役　大熊　信良</t>
  </si>
  <si>
    <t>1020001026859</t>
  </si>
  <si>
    <t>557814</t>
  </si>
  <si>
    <t>台風19号に伴う自衛隊災害派遣に係る代行調達</t>
  </si>
  <si>
    <t>（有）中西金物店　代表取締役　中西祐介</t>
  </si>
  <si>
    <t>2080102007264</t>
  </si>
  <si>
    <t>557815</t>
  </si>
  <si>
    <t>（有）羽田屋　代表取締役　羽田明弘</t>
  </si>
  <si>
    <t>2090002012363</t>
  </si>
  <si>
    <t>557816</t>
  </si>
  <si>
    <t>（株）港屋　代表取締役　坂田英明</t>
  </si>
  <si>
    <t>9010601017243</t>
  </si>
  <si>
    <t>557817</t>
  </si>
  <si>
    <t>（株）カタノ　代表取締役　古本英男</t>
  </si>
  <si>
    <t>7021001026232</t>
  </si>
  <si>
    <t>557818</t>
  </si>
  <si>
    <t>（有）ナックマスダ　代表取締役　増田恭士</t>
  </si>
  <si>
    <t>9080102007282</t>
  </si>
  <si>
    <t>557819</t>
  </si>
  <si>
    <t>（株）長島文宝堂　代表取締役　長島和彦</t>
  </si>
  <si>
    <t>8080101004199</t>
  </si>
  <si>
    <t>557820</t>
  </si>
  <si>
    <t>（株）カインズ御殿場店　店長　鈴木貴志</t>
  </si>
  <si>
    <t>3070001006474</t>
  </si>
  <si>
    <t>危機管理対策課</t>
  </si>
  <si>
    <t>379907</t>
  </si>
  <si>
    <t>ＵＳＢ延長ケーブル　総務危機管理室</t>
  </si>
  <si>
    <t>（株）ワイソリューション　代表取締役　高橋　伸一</t>
  </si>
  <si>
    <t>5020001045673</t>
  </si>
  <si>
    <t>387229</t>
  </si>
  <si>
    <t>判子の購入　総務危機管理室</t>
  </si>
  <si>
    <t>449181</t>
  </si>
  <si>
    <t>原子力防災資機材消耗品代（汚染物梱包用２重袋ほか）</t>
  </si>
  <si>
    <t>504188</t>
  </si>
  <si>
    <t>電波法関係追録代</t>
  </si>
  <si>
    <t>一般財団法人　情報通信振興会　理事長　寺﨑　明</t>
  </si>
  <si>
    <t>3013305001741</t>
  </si>
  <si>
    <t>530570</t>
  </si>
  <si>
    <t>プリンタドラム代</t>
  </si>
  <si>
    <t>都築電気株式会社　神奈川支店　支店長　島口　裕美</t>
  </si>
  <si>
    <t>9010401054908</t>
  </si>
  <si>
    <t>530589</t>
  </si>
  <si>
    <t>プラシール代</t>
  </si>
  <si>
    <t>消防課</t>
  </si>
  <si>
    <t>413305</t>
  </si>
  <si>
    <t>ゴム印の購入　消防課</t>
  </si>
  <si>
    <t>416651</t>
  </si>
  <si>
    <t>消防実務六法（追録）購入代　消防課</t>
  </si>
  <si>
    <t>東京法令出版（株）　代表取締役　星沢　卓也</t>
  </si>
  <si>
    <t>1100001002125</t>
  </si>
  <si>
    <t>497145</t>
  </si>
  <si>
    <t>物品（電子機器）購入代</t>
  </si>
  <si>
    <t>559815</t>
  </si>
  <si>
    <t>「５訂版　大規模災害における緊急消防援助隊ハンドブック」購入代</t>
  </si>
  <si>
    <t>580548</t>
  </si>
  <si>
    <t>消防実務六法（追録）購入代</t>
  </si>
  <si>
    <t>温泉地学研究所</t>
  </si>
  <si>
    <t>370085</t>
  </si>
  <si>
    <t>研究用消耗品（ビデオカメラ）購入</t>
  </si>
  <si>
    <t>（有）伊勢万　代表取締役　鈴木　伸好</t>
  </si>
  <si>
    <t>2021002050979</t>
  </si>
  <si>
    <t>373957</t>
  </si>
  <si>
    <t>研究用消耗品（ストレージ予備ディスク）購入</t>
  </si>
  <si>
    <t>（株）日本コンピューティングシステム　代表取締役　岩本　修</t>
  </si>
  <si>
    <t>6010501018617</t>
  </si>
  <si>
    <t>374571</t>
  </si>
  <si>
    <t>研究用消耗品（microSDカードほか）購入</t>
  </si>
  <si>
    <t>（有）ユニオン商会　代表取締役　金子　不二夫</t>
  </si>
  <si>
    <t>9021002053406</t>
  </si>
  <si>
    <t>381932</t>
  </si>
  <si>
    <t>研究用消耗品（シリンジフィルターほか）購入</t>
  </si>
  <si>
    <t>（株）池田理化平塚支店　支店長　高梨　直人</t>
  </si>
  <si>
    <t>3010001010696</t>
  </si>
  <si>
    <t>395156</t>
  </si>
  <si>
    <t>研究用消耗品（ETカートリッジ）購入</t>
  </si>
  <si>
    <t>（株）エンドー　代表取締役社長　遠藤　卓夫</t>
  </si>
  <si>
    <t>5021001033486</t>
  </si>
  <si>
    <t>397619</t>
  </si>
  <si>
    <t>研究用消耗品（高純度アルゴンガス）購入</t>
  </si>
  <si>
    <t>内田商事（株）　代表取締役　石川　尚久</t>
  </si>
  <si>
    <t>7021001032354</t>
  </si>
  <si>
    <t>398913</t>
  </si>
  <si>
    <t>研究用消耗品（電源アダプタほか）購入</t>
  </si>
  <si>
    <t>403222</t>
  </si>
  <si>
    <t>研究用消耗品（ポータブルSSD）購入</t>
  </si>
  <si>
    <t>404101</t>
  </si>
  <si>
    <t>研究用消耗品（杓の柄ほか）購入</t>
  </si>
  <si>
    <t>（株）ビーバートザン小田原店　店長　武松　則夫</t>
  </si>
  <si>
    <t>1021001021387</t>
  </si>
  <si>
    <t>408225</t>
  </si>
  <si>
    <t>研究用消耗品（ヒル忌避剤ほか）購入</t>
  </si>
  <si>
    <t>419330</t>
  </si>
  <si>
    <t>ゴム印購入代</t>
  </si>
  <si>
    <t>（有）若杉印房　代表取締役　若杉　伸之</t>
  </si>
  <si>
    <t>3021002053535</t>
  </si>
  <si>
    <t>439398</t>
  </si>
  <si>
    <t>研究用備品（L３スイッチ）購入代</t>
  </si>
  <si>
    <t>（株）ＯＳＳ　代表取締役　小久江　洋輔</t>
  </si>
  <si>
    <t>1050001017483</t>
  </si>
  <si>
    <t>455473</t>
  </si>
  <si>
    <t>研究用消耗品（マウスほか）購入代</t>
  </si>
  <si>
    <t>（株）ヤマダ電機　鴨宮営業所　所長　飯田　将仁</t>
  </si>
  <si>
    <t>4070001011201</t>
  </si>
  <si>
    <t>457929</t>
  </si>
  <si>
    <t>研究用消耗品（ネームホルダーほか）購入代</t>
  </si>
  <si>
    <t>（株）稲妻屋　代表取締役社長　里見　昌宏</t>
  </si>
  <si>
    <t>2021001032334</t>
  </si>
  <si>
    <t>472598</t>
  </si>
  <si>
    <t>研究用消耗品（変換ケーブルほか）購入代</t>
  </si>
  <si>
    <t>478341</t>
  </si>
  <si>
    <t>研究用消耗品（すきまパテほか）購入代</t>
  </si>
  <si>
    <t>（株）中商　代表取締役　田中　裕二</t>
  </si>
  <si>
    <t>1021001033894</t>
  </si>
  <si>
    <t>488769</t>
  </si>
  <si>
    <t>研究用消耗品（検知管ほか）購入代</t>
  </si>
  <si>
    <t>490330</t>
  </si>
  <si>
    <t>研究用消耗品（杓の柄ほか）購入代</t>
  </si>
  <si>
    <t>502147</t>
  </si>
  <si>
    <t>定期購読雑誌（地球化学・Geochemical Journal）購入代</t>
  </si>
  <si>
    <t>丸善雄松堂（株）　経理・財務部長　吉留　政博</t>
  </si>
  <si>
    <t>2010001034952</t>
  </si>
  <si>
    <t>505785</t>
  </si>
  <si>
    <t>研究用消耗品（マイクほか）購入代</t>
  </si>
  <si>
    <t>519013</t>
  </si>
  <si>
    <t>定期購読雑誌（BSSA)購入代</t>
  </si>
  <si>
    <t>519076</t>
  </si>
  <si>
    <t>研究用消耗品（細口瓶）購入代</t>
  </si>
  <si>
    <t>湘南和光純薬（株）　代表取締役　梅村　仁</t>
  </si>
  <si>
    <t>8021001036701</t>
  </si>
  <si>
    <t>543122</t>
  </si>
  <si>
    <t>研究用消耗品（ガス洗浄びん中管）購入代</t>
  </si>
  <si>
    <t>（株）江田商会　代表取締役　原田　義富</t>
  </si>
  <si>
    <t>2020001012577</t>
  </si>
  <si>
    <t>546287</t>
  </si>
  <si>
    <t>研究用消耗品（パソコン切替器）購入代</t>
  </si>
  <si>
    <t>546069</t>
  </si>
  <si>
    <t>研究用消耗品（ハードディスク）購入代</t>
  </si>
  <si>
    <t>558713</t>
  </si>
  <si>
    <t>558740</t>
  </si>
  <si>
    <t>研究用消耗品（ドライペットほか）購入代</t>
  </si>
  <si>
    <t>558761</t>
  </si>
  <si>
    <t>研究用備品（アルゴン加湿器）購入代</t>
  </si>
  <si>
    <t>アルテア技研（株）　代表取締役　江田　滋人</t>
  </si>
  <si>
    <t>6020001019354</t>
  </si>
  <si>
    <t>558811</t>
  </si>
  <si>
    <t>研究用消耗品（チタンパイプ）購入代</t>
  </si>
  <si>
    <t>568618</t>
  </si>
  <si>
    <t>研究用消耗品（ゴム長靴）購入代</t>
  </si>
  <si>
    <t>579172</t>
  </si>
  <si>
    <t>研究用備品（気圧計）購入代</t>
  </si>
  <si>
    <t>（株）計測技研　代表取締役社長　久木　英次</t>
  </si>
  <si>
    <t>4060001006152</t>
  </si>
  <si>
    <t>581439</t>
  </si>
  <si>
    <t>雑誌「科学」「地質学」購入代（第４四半期分）</t>
  </si>
  <si>
    <t>（株）スーパーブックス伊勢治書店　代表取締役　須﨑　浩</t>
  </si>
  <si>
    <t>5021001057766</t>
  </si>
  <si>
    <t>総合防災センター</t>
  </si>
  <si>
    <t>359647</t>
  </si>
  <si>
    <t>消防大学校　消防団活性化推進コース(第５回)　入校経費(教材費)</t>
  </si>
  <si>
    <t>一般財団法人　消防防災科学センター　理事長　市橋　保彦</t>
  </si>
  <si>
    <t>1012405001538</t>
  </si>
  <si>
    <t>369487</t>
  </si>
  <si>
    <t>空調用フィルターの購入</t>
  </si>
  <si>
    <t>（株）山一商事　代表取締役　山田　一志</t>
  </si>
  <si>
    <t>6021001020582</t>
  </si>
  <si>
    <t>378118</t>
  </si>
  <si>
    <t>株式会社ねずらむ　代表取締役　阿久津　晄</t>
  </si>
  <si>
    <t>7020001024114</t>
  </si>
  <si>
    <t>378195</t>
  </si>
  <si>
    <t>鍵の購入</t>
  </si>
  <si>
    <t>株式会社ベストレスキュー　代表取締役　岡崎　弘之</t>
  </si>
  <si>
    <t>9021001004970</t>
  </si>
  <si>
    <t>387684</t>
  </si>
  <si>
    <t>トレーニング用AEDパッド購入代</t>
  </si>
  <si>
    <t>協和医科器械株式会社横浜支店　支店長　前田　達郎</t>
  </si>
  <si>
    <t>9080001007895</t>
  </si>
  <si>
    <t>399134</t>
  </si>
  <si>
    <t>リソグラフ用インク等の購入</t>
  </si>
  <si>
    <t>理想科学工業（株）理想厚木支店　支店長　長尾　忠</t>
  </si>
  <si>
    <t>9010401031452</t>
  </si>
  <si>
    <t>405022</t>
  </si>
  <si>
    <t>湯呑等購入代</t>
  </si>
  <si>
    <t>（株）欧文社　代表取締役　中村　重雄</t>
  </si>
  <si>
    <t>1021001019514</t>
  </si>
  <si>
    <t>405846</t>
  </si>
  <si>
    <t>レーザーポインターの購入</t>
  </si>
  <si>
    <t>エビナ文具　代表　川田　豊華</t>
  </si>
  <si>
    <t>424891</t>
  </si>
  <si>
    <t>蛍光灯購入代</t>
  </si>
  <si>
    <t>432661</t>
  </si>
  <si>
    <t>ロッカー他購入代</t>
  </si>
  <si>
    <t>444194</t>
  </si>
  <si>
    <t>消防大学校女性活躍推進コース(第４回)入校経費(教材費)</t>
  </si>
  <si>
    <t>481012</t>
  </si>
  <si>
    <t>（株）ビーバートザンプロ厚木店　店長　加藤　孝則</t>
  </si>
  <si>
    <t>505624</t>
  </si>
  <si>
    <t>カラー布テープ他購入代</t>
  </si>
  <si>
    <t>509877</t>
  </si>
  <si>
    <t>再生紙購入代</t>
  </si>
  <si>
    <t>（有）北の台文具　代表取締役　齊藤　米夫</t>
  </si>
  <si>
    <t>7021002046188</t>
  </si>
  <si>
    <t>510858</t>
  </si>
  <si>
    <t>カビキラーほか購入代</t>
  </si>
  <si>
    <t>517033</t>
  </si>
  <si>
    <t>非常用トイレ凝固剤購入代</t>
  </si>
  <si>
    <t>523102</t>
  </si>
  <si>
    <t>NBC用品購入代</t>
  </si>
  <si>
    <t>晃洋商事（株）　代表取締役　武者　惠吾</t>
  </si>
  <si>
    <t>2020001072836</t>
  </si>
  <si>
    <t>525259</t>
  </si>
  <si>
    <t>水銀灯購入代</t>
  </si>
  <si>
    <t>527683</t>
  </si>
  <si>
    <t>消防用ホース購入代</t>
  </si>
  <si>
    <t>（株）関東小池　代表取締役　金原　光宏</t>
  </si>
  <si>
    <t>4021001011658</t>
  </si>
  <si>
    <t>538247</t>
  </si>
  <si>
    <t>中和剤購入代</t>
  </si>
  <si>
    <t>日本船舶薬品（株）横浜支店　支店長　高清　敦</t>
  </si>
  <si>
    <t>7020001028081</t>
  </si>
  <si>
    <t>559180</t>
  </si>
  <si>
    <t>ＢＡシステム端末購入代</t>
  </si>
  <si>
    <t>アズビル（株）ビルシステムカンパニー横浜支店　支店長　橋本　知之</t>
  </si>
  <si>
    <t>9010001096367</t>
  </si>
  <si>
    <t>560384</t>
  </si>
  <si>
    <t>トイレットペーパー購入代</t>
  </si>
  <si>
    <t>ニッパ株式会社　代表取締役　秋本　りつ子</t>
  </si>
  <si>
    <t>2020001021339</t>
  </si>
  <si>
    <t>566614</t>
  </si>
  <si>
    <t>消防大学校NBCコース第９回入校経費</t>
  </si>
  <si>
    <t>559017</t>
  </si>
  <si>
    <t>訓練用消耗品代</t>
  </si>
  <si>
    <t>559553</t>
  </si>
  <si>
    <t>ハウスカー購入代</t>
  </si>
  <si>
    <t>株式会社ビーバートザン厚木店　店長　塚田　脩平</t>
  </si>
  <si>
    <t>局名</t>
    <phoneticPr fontId="4"/>
  </si>
  <si>
    <t>くらし安全交通課　前渡金受領職員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$-411]ggge&quot;年度&quot;"/>
    <numFmt numFmtId="177" formatCode="#,##0_ "/>
  </numFmts>
  <fonts count="5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0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9">
    <xf numFmtId="0" fontId="0" fillId="0" borderId="0" xfId="0">
      <alignment vertical="center"/>
    </xf>
    <xf numFmtId="0" fontId="2" fillId="2" borderId="1" xfId="1" applyFont="1" applyFill="1" applyBorder="1" applyAlignment="1" applyProtection="1">
      <alignment horizontal="center" vertical="center"/>
      <protection locked="0"/>
    </xf>
    <xf numFmtId="0" fontId="2" fillId="2" borderId="1" xfId="1" applyFont="1" applyFill="1" applyBorder="1" applyAlignment="1" applyProtection="1">
      <alignment horizontal="center" vertical="center" wrapText="1"/>
      <protection locked="0"/>
    </xf>
    <xf numFmtId="0" fontId="2" fillId="0" borderId="0" xfId="1" applyFont="1" applyProtection="1">
      <alignment vertical="center"/>
      <protection locked="0"/>
    </xf>
    <xf numFmtId="176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49" fontId="2" fillId="0" borderId="1" xfId="0" applyNumberFormat="1" applyFont="1" applyFill="1" applyBorder="1" applyAlignment="1" applyProtection="1">
      <alignment vertical="center" wrapText="1"/>
      <protection locked="0"/>
    </xf>
    <xf numFmtId="49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177" fontId="2" fillId="0" borderId="1" xfId="0" applyNumberFormat="1" applyFont="1" applyFill="1" applyBorder="1" applyAlignment="1" applyProtection="1">
      <alignment vertical="center" shrinkToFit="1"/>
      <protection locked="0"/>
    </xf>
    <xf numFmtId="14" fontId="2" fillId="0" borderId="1" xfId="0" applyNumberFormat="1" applyFont="1" applyFill="1" applyBorder="1" applyAlignment="1" applyProtection="1">
      <alignment horizontal="center" vertical="center" shrinkToFit="1"/>
      <protection locked="0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119"/>
  <sheetViews>
    <sheetView tabSelected="1" zoomScaleNormal="100" workbookViewId="0">
      <pane ySplit="1" topLeftCell="A2" activePane="bottomLeft" state="frozen"/>
      <selection pane="bottomLeft" activeCell="A2" sqref="A2"/>
    </sheetView>
  </sheetViews>
  <sheetFormatPr defaultColWidth="8.25" defaultRowHeight="12" x14ac:dyDescent="0.2"/>
  <cols>
    <col min="1" max="1" width="9.58203125" style="3" customWidth="1"/>
    <col min="2" max="3" width="14.1640625" style="3" customWidth="1"/>
    <col min="4" max="4" width="8.58203125" style="3" customWidth="1"/>
    <col min="5" max="5" width="38.58203125" style="3" customWidth="1"/>
    <col min="6" max="6" width="16.5" style="3" bestFit="1" customWidth="1"/>
    <col min="7" max="7" width="28.5" style="3" customWidth="1"/>
    <col min="8" max="8" width="10.25" style="3" customWidth="1"/>
    <col min="9" max="9" width="9.75" style="3" customWidth="1"/>
    <col min="10" max="16384" width="8.25" style="3"/>
  </cols>
  <sheetData>
    <row r="1" spans="1:9" ht="27.75" customHeight="1" x14ac:dyDescent="0.2">
      <c r="A1" s="1" t="s">
        <v>0</v>
      </c>
      <c r="B1" s="1" t="s">
        <v>373</v>
      </c>
      <c r="C1" s="1" t="s">
        <v>1</v>
      </c>
      <c r="D1" s="2" t="s">
        <v>2</v>
      </c>
      <c r="E1" s="1" t="s">
        <v>3</v>
      </c>
      <c r="F1" s="1" t="s">
        <v>4</v>
      </c>
      <c r="G1" s="2" t="s">
        <v>5</v>
      </c>
      <c r="H1" s="2" t="s">
        <v>6</v>
      </c>
      <c r="I1" s="1" t="s">
        <v>7</v>
      </c>
    </row>
    <row r="2" spans="1:9" ht="24" x14ac:dyDescent="0.2">
      <c r="A2" s="4">
        <v>43556</v>
      </c>
      <c r="B2" s="5" t="s">
        <v>8</v>
      </c>
      <c r="C2" s="5" t="s">
        <v>9</v>
      </c>
      <c r="D2" s="6" t="s">
        <v>10</v>
      </c>
      <c r="E2" s="5" t="s">
        <v>11</v>
      </c>
      <c r="F2" s="7">
        <v>39820</v>
      </c>
      <c r="G2" s="5" t="s">
        <v>12</v>
      </c>
      <c r="H2" s="6" t="s">
        <v>13</v>
      </c>
      <c r="I2" s="8">
        <v>43742</v>
      </c>
    </row>
    <row r="3" spans="1:9" ht="24" x14ac:dyDescent="0.2">
      <c r="A3" s="4">
        <v>43556</v>
      </c>
      <c r="B3" s="5" t="s">
        <v>8</v>
      </c>
      <c r="C3" s="5" t="s">
        <v>9</v>
      </c>
      <c r="D3" s="6" t="s">
        <v>14</v>
      </c>
      <c r="E3" s="5" t="s">
        <v>15</v>
      </c>
      <c r="F3" s="7">
        <v>770</v>
      </c>
      <c r="G3" s="5" t="s">
        <v>16</v>
      </c>
      <c r="H3" s="6" t="s">
        <v>17</v>
      </c>
      <c r="I3" s="8">
        <v>43746</v>
      </c>
    </row>
    <row r="4" spans="1:9" ht="36" x14ac:dyDescent="0.2">
      <c r="A4" s="4">
        <v>43556</v>
      </c>
      <c r="B4" s="5" t="s">
        <v>8</v>
      </c>
      <c r="C4" s="5" t="s">
        <v>9</v>
      </c>
      <c r="D4" s="6" t="s">
        <v>18</v>
      </c>
      <c r="E4" s="5" t="s">
        <v>19</v>
      </c>
      <c r="F4" s="7">
        <v>4000</v>
      </c>
      <c r="G4" s="5" t="s">
        <v>16</v>
      </c>
      <c r="H4" s="6" t="s">
        <v>17</v>
      </c>
      <c r="I4" s="8">
        <v>43748</v>
      </c>
    </row>
    <row r="5" spans="1:9" ht="24" x14ac:dyDescent="0.2">
      <c r="A5" s="4">
        <v>43556</v>
      </c>
      <c r="B5" s="5" t="s">
        <v>8</v>
      </c>
      <c r="C5" s="5" t="s">
        <v>9</v>
      </c>
      <c r="D5" s="6" t="s">
        <v>20</v>
      </c>
      <c r="E5" s="5" t="s">
        <v>21</v>
      </c>
      <c r="F5" s="7">
        <v>16500</v>
      </c>
      <c r="G5" s="5" t="s">
        <v>22</v>
      </c>
      <c r="H5" s="6" t="s">
        <v>23</v>
      </c>
      <c r="I5" s="8">
        <v>43753</v>
      </c>
    </row>
    <row r="6" spans="1:9" ht="24" x14ac:dyDescent="0.2">
      <c r="A6" s="4">
        <v>43556</v>
      </c>
      <c r="B6" s="5" t="s">
        <v>8</v>
      </c>
      <c r="C6" s="5" t="s">
        <v>9</v>
      </c>
      <c r="D6" s="6" t="s">
        <v>24</v>
      </c>
      <c r="E6" s="5" t="s">
        <v>25</v>
      </c>
      <c r="F6" s="7">
        <v>4840</v>
      </c>
      <c r="G6" s="5" t="s">
        <v>26</v>
      </c>
      <c r="H6" s="6" t="s">
        <v>27</v>
      </c>
      <c r="I6" s="8">
        <v>43803</v>
      </c>
    </row>
    <row r="7" spans="1:9" ht="24" x14ac:dyDescent="0.2">
      <c r="A7" s="4">
        <v>43556</v>
      </c>
      <c r="B7" s="5" t="s">
        <v>8</v>
      </c>
      <c r="C7" s="5" t="s">
        <v>9</v>
      </c>
      <c r="D7" s="6" t="s">
        <v>28</v>
      </c>
      <c r="E7" s="5" t="s">
        <v>25</v>
      </c>
      <c r="F7" s="7">
        <v>81620</v>
      </c>
      <c r="G7" s="5" t="s">
        <v>29</v>
      </c>
      <c r="H7" s="6" t="s">
        <v>30</v>
      </c>
      <c r="I7" s="8">
        <v>43811</v>
      </c>
    </row>
    <row r="8" spans="1:9" ht="24" x14ac:dyDescent="0.2">
      <c r="A8" s="4">
        <v>43556</v>
      </c>
      <c r="B8" s="5" t="s">
        <v>8</v>
      </c>
      <c r="C8" s="5" t="s">
        <v>9</v>
      </c>
      <c r="D8" s="6" t="s">
        <v>31</v>
      </c>
      <c r="E8" s="5" t="s">
        <v>32</v>
      </c>
      <c r="F8" s="7">
        <v>9567</v>
      </c>
      <c r="G8" s="5" t="s">
        <v>33</v>
      </c>
      <c r="H8" s="6" t="s">
        <v>34</v>
      </c>
      <c r="I8" s="8">
        <v>43815</v>
      </c>
    </row>
    <row r="9" spans="1:9" ht="24" x14ac:dyDescent="0.2">
      <c r="A9" s="4">
        <v>43556</v>
      </c>
      <c r="B9" s="5" t="s">
        <v>8</v>
      </c>
      <c r="C9" s="5" t="s">
        <v>9</v>
      </c>
      <c r="D9" s="6" t="s">
        <v>35</v>
      </c>
      <c r="E9" s="5" t="s">
        <v>32</v>
      </c>
      <c r="F9" s="7">
        <v>12600</v>
      </c>
      <c r="G9" s="5" t="s">
        <v>36</v>
      </c>
      <c r="H9" s="6" t="s">
        <v>37</v>
      </c>
      <c r="I9" s="8">
        <v>43815</v>
      </c>
    </row>
    <row r="10" spans="1:9" ht="24" x14ac:dyDescent="0.2">
      <c r="A10" s="4">
        <v>43556</v>
      </c>
      <c r="B10" s="5" t="s">
        <v>8</v>
      </c>
      <c r="C10" s="5" t="s">
        <v>9</v>
      </c>
      <c r="D10" s="6" t="s">
        <v>38</v>
      </c>
      <c r="E10" s="5" t="s">
        <v>32</v>
      </c>
      <c r="F10" s="7">
        <v>22950</v>
      </c>
      <c r="G10" s="5" t="s">
        <v>39</v>
      </c>
      <c r="H10" s="6" t="s">
        <v>40</v>
      </c>
      <c r="I10" s="8">
        <v>43815</v>
      </c>
    </row>
    <row r="11" spans="1:9" ht="24" x14ac:dyDescent="0.2">
      <c r="A11" s="4">
        <v>43556</v>
      </c>
      <c r="B11" s="5" t="s">
        <v>8</v>
      </c>
      <c r="C11" s="5" t="s">
        <v>9</v>
      </c>
      <c r="D11" s="6" t="s">
        <v>41</v>
      </c>
      <c r="E11" s="5" t="s">
        <v>32</v>
      </c>
      <c r="F11" s="7">
        <v>9102</v>
      </c>
      <c r="G11" s="5" t="s">
        <v>42</v>
      </c>
      <c r="H11" s="6" t="s">
        <v>40</v>
      </c>
      <c r="I11" s="8">
        <v>43815</v>
      </c>
    </row>
    <row r="12" spans="1:9" ht="24" x14ac:dyDescent="0.2">
      <c r="A12" s="4">
        <v>43556</v>
      </c>
      <c r="B12" s="5" t="s">
        <v>8</v>
      </c>
      <c r="C12" s="5" t="s">
        <v>43</v>
      </c>
      <c r="D12" s="6" t="s">
        <v>44</v>
      </c>
      <c r="E12" s="5" t="s">
        <v>45</v>
      </c>
      <c r="F12" s="7">
        <v>8800</v>
      </c>
      <c r="G12" s="5" t="s">
        <v>16</v>
      </c>
      <c r="H12" s="6" t="s">
        <v>17</v>
      </c>
      <c r="I12" s="8">
        <v>43748</v>
      </c>
    </row>
    <row r="13" spans="1:9" ht="24" x14ac:dyDescent="0.2">
      <c r="A13" s="4">
        <v>43556</v>
      </c>
      <c r="B13" s="5" t="s">
        <v>8</v>
      </c>
      <c r="C13" s="5" t="s">
        <v>43</v>
      </c>
      <c r="D13" s="6" t="s">
        <v>46</v>
      </c>
      <c r="E13" s="5" t="s">
        <v>47</v>
      </c>
      <c r="F13" s="7">
        <v>18000</v>
      </c>
      <c r="G13" s="5" t="s">
        <v>374</v>
      </c>
      <c r="H13" s="6" t="s">
        <v>40</v>
      </c>
      <c r="I13" s="8">
        <v>43761</v>
      </c>
    </row>
    <row r="14" spans="1:9" ht="24" x14ac:dyDescent="0.2">
      <c r="A14" s="4">
        <v>43556</v>
      </c>
      <c r="B14" s="5" t="s">
        <v>8</v>
      </c>
      <c r="C14" s="5" t="s">
        <v>43</v>
      </c>
      <c r="D14" s="6" t="s">
        <v>48</v>
      </c>
      <c r="E14" s="5" t="s">
        <v>49</v>
      </c>
      <c r="F14" s="7">
        <v>10000</v>
      </c>
      <c r="G14" s="5" t="s">
        <v>374</v>
      </c>
      <c r="H14" s="6" t="s">
        <v>40</v>
      </c>
      <c r="I14" s="8">
        <v>43767</v>
      </c>
    </row>
    <row r="15" spans="1:9" ht="24" x14ac:dyDescent="0.2">
      <c r="A15" s="4">
        <v>43556</v>
      </c>
      <c r="B15" s="5" t="s">
        <v>8</v>
      </c>
      <c r="C15" s="5" t="s">
        <v>43</v>
      </c>
      <c r="D15" s="6" t="s">
        <v>50</v>
      </c>
      <c r="E15" s="5" t="s">
        <v>51</v>
      </c>
      <c r="F15" s="7">
        <v>4000</v>
      </c>
      <c r="G15" s="5" t="s">
        <v>374</v>
      </c>
      <c r="H15" s="6" t="s">
        <v>40</v>
      </c>
      <c r="I15" s="8">
        <v>43787</v>
      </c>
    </row>
    <row r="16" spans="1:9" ht="24" x14ac:dyDescent="0.2">
      <c r="A16" s="4">
        <v>43556</v>
      </c>
      <c r="B16" s="5" t="s">
        <v>8</v>
      </c>
      <c r="C16" s="5" t="s">
        <v>43</v>
      </c>
      <c r="D16" s="6" t="s">
        <v>52</v>
      </c>
      <c r="E16" s="5" t="s">
        <v>53</v>
      </c>
      <c r="F16" s="7">
        <v>4000</v>
      </c>
      <c r="G16" s="5" t="s">
        <v>374</v>
      </c>
      <c r="H16" s="6" t="s">
        <v>40</v>
      </c>
      <c r="I16" s="8">
        <v>43787</v>
      </c>
    </row>
    <row r="17" spans="1:9" ht="24" x14ac:dyDescent="0.2">
      <c r="A17" s="4">
        <v>43556</v>
      </c>
      <c r="B17" s="5" t="s">
        <v>8</v>
      </c>
      <c r="C17" s="5" t="s">
        <v>43</v>
      </c>
      <c r="D17" s="6" t="s">
        <v>54</v>
      </c>
      <c r="E17" s="5" t="s">
        <v>55</v>
      </c>
      <c r="F17" s="7">
        <v>99000</v>
      </c>
      <c r="G17" s="5" t="s">
        <v>56</v>
      </c>
      <c r="H17" s="6" t="s">
        <v>57</v>
      </c>
      <c r="I17" s="8">
        <v>43787</v>
      </c>
    </row>
    <row r="18" spans="1:9" ht="24" x14ac:dyDescent="0.2">
      <c r="A18" s="4">
        <v>43556</v>
      </c>
      <c r="B18" s="5" t="s">
        <v>8</v>
      </c>
      <c r="C18" s="5" t="s">
        <v>43</v>
      </c>
      <c r="D18" s="6" t="s">
        <v>58</v>
      </c>
      <c r="E18" s="5" t="s">
        <v>59</v>
      </c>
      <c r="F18" s="7">
        <v>10000</v>
      </c>
      <c r="G18" s="5" t="s">
        <v>374</v>
      </c>
      <c r="H18" s="6" t="s">
        <v>40</v>
      </c>
      <c r="I18" s="8">
        <v>43801</v>
      </c>
    </row>
    <row r="19" spans="1:9" ht="24" x14ac:dyDescent="0.2">
      <c r="A19" s="4">
        <v>43556</v>
      </c>
      <c r="B19" s="5" t="s">
        <v>8</v>
      </c>
      <c r="C19" s="5" t="s">
        <v>43</v>
      </c>
      <c r="D19" s="6" t="s">
        <v>60</v>
      </c>
      <c r="E19" s="5" t="s">
        <v>61</v>
      </c>
      <c r="F19" s="7">
        <v>88000</v>
      </c>
      <c r="G19" s="5" t="s">
        <v>62</v>
      </c>
      <c r="H19" s="6" t="s">
        <v>63</v>
      </c>
      <c r="I19" s="8">
        <v>43801</v>
      </c>
    </row>
    <row r="20" spans="1:9" ht="24" x14ac:dyDescent="0.2">
      <c r="A20" s="4">
        <v>43556</v>
      </c>
      <c r="B20" s="5" t="s">
        <v>8</v>
      </c>
      <c r="C20" s="5" t="s">
        <v>43</v>
      </c>
      <c r="D20" s="6" t="s">
        <v>64</v>
      </c>
      <c r="E20" s="5" t="s">
        <v>65</v>
      </c>
      <c r="F20" s="7">
        <v>8800</v>
      </c>
      <c r="G20" s="5" t="s">
        <v>16</v>
      </c>
      <c r="H20" s="6" t="s">
        <v>17</v>
      </c>
      <c r="I20" s="8">
        <v>43805</v>
      </c>
    </row>
    <row r="21" spans="1:9" ht="24" x14ac:dyDescent="0.2">
      <c r="A21" s="4">
        <v>43556</v>
      </c>
      <c r="B21" s="5" t="s">
        <v>8</v>
      </c>
      <c r="C21" s="5" t="s">
        <v>43</v>
      </c>
      <c r="D21" s="6" t="s">
        <v>66</v>
      </c>
      <c r="E21" s="5" t="s">
        <v>67</v>
      </c>
      <c r="F21" s="7">
        <v>16000</v>
      </c>
      <c r="G21" s="5" t="s">
        <v>374</v>
      </c>
      <c r="H21" s="6" t="s">
        <v>40</v>
      </c>
      <c r="I21" s="8">
        <v>43805</v>
      </c>
    </row>
    <row r="22" spans="1:9" ht="24" x14ac:dyDescent="0.2">
      <c r="A22" s="4">
        <v>43556</v>
      </c>
      <c r="B22" s="5" t="s">
        <v>8</v>
      </c>
      <c r="C22" s="5" t="s">
        <v>43</v>
      </c>
      <c r="D22" s="6" t="s">
        <v>68</v>
      </c>
      <c r="E22" s="5" t="s">
        <v>69</v>
      </c>
      <c r="F22" s="7">
        <v>49632</v>
      </c>
      <c r="G22" s="5" t="s">
        <v>16</v>
      </c>
      <c r="H22" s="6" t="s">
        <v>17</v>
      </c>
      <c r="I22" s="8">
        <v>43811</v>
      </c>
    </row>
    <row r="23" spans="1:9" ht="24" x14ac:dyDescent="0.2">
      <c r="A23" s="4">
        <v>43556</v>
      </c>
      <c r="B23" s="5" t="s">
        <v>8</v>
      </c>
      <c r="C23" s="5" t="s">
        <v>43</v>
      </c>
      <c r="D23" s="6" t="s">
        <v>70</v>
      </c>
      <c r="E23" s="5" t="s">
        <v>71</v>
      </c>
      <c r="F23" s="7">
        <v>12600</v>
      </c>
      <c r="G23" s="5" t="s">
        <v>36</v>
      </c>
      <c r="H23" s="6" t="s">
        <v>37</v>
      </c>
      <c r="I23" s="8">
        <v>43812</v>
      </c>
    </row>
    <row r="24" spans="1:9" ht="24" x14ac:dyDescent="0.2">
      <c r="A24" s="4">
        <v>43556</v>
      </c>
      <c r="B24" s="5" t="s">
        <v>8</v>
      </c>
      <c r="C24" s="5" t="s">
        <v>43</v>
      </c>
      <c r="D24" s="6" t="s">
        <v>72</v>
      </c>
      <c r="E24" s="5" t="s">
        <v>73</v>
      </c>
      <c r="F24" s="7">
        <v>12450</v>
      </c>
      <c r="G24" s="5" t="s">
        <v>36</v>
      </c>
      <c r="H24" s="6" t="s">
        <v>37</v>
      </c>
      <c r="I24" s="8">
        <v>43812</v>
      </c>
    </row>
    <row r="25" spans="1:9" x14ac:dyDescent="0.2">
      <c r="A25" s="4">
        <v>43556</v>
      </c>
      <c r="B25" s="5" t="s">
        <v>8</v>
      </c>
      <c r="C25" s="5" t="s">
        <v>43</v>
      </c>
      <c r="D25" s="6" t="s">
        <v>74</v>
      </c>
      <c r="E25" s="5" t="s">
        <v>73</v>
      </c>
      <c r="F25" s="7">
        <v>21042</v>
      </c>
      <c r="G25" s="5" t="s">
        <v>75</v>
      </c>
      <c r="H25" s="6" t="s">
        <v>76</v>
      </c>
      <c r="I25" s="8">
        <v>43812</v>
      </c>
    </row>
    <row r="26" spans="1:9" ht="24" x14ac:dyDescent="0.2">
      <c r="A26" s="4">
        <v>43556</v>
      </c>
      <c r="B26" s="5" t="s">
        <v>8</v>
      </c>
      <c r="C26" s="5" t="s">
        <v>43</v>
      </c>
      <c r="D26" s="6" t="s">
        <v>77</v>
      </c>
      <c r="E26" s="5" t="s">
        <v>73</v>
      </c>
      <c r="F26" s="7">
        <v>11481</v>
      </c>
      <c r="G26" s="5" t="s">
        <v>78</v>
      </c>
      <c r="H26" s="6" t="s">
        <v>79</v>
      </c>
      <c r="I26" s="8">
        <v>43812</v>
      </c>
    </row>
    <row r="27" spans="1:9" ht="24" x14ac:dyDescent="0.2">
      <c r="A27" s="4">
        <v>43556</v>
      </c>
      <c r="B27" s="5" t="s">
        <v>8</v>
      </c>
      <c r="C27" s="5" t="s">
        <v>43</v>
      </c>
      <c r="D27" s="6" t="s">
        <v>80</v>
      </c>
      <c r="E27" s="5" t="s">
        <v>81</v>
      </c>
      <c r="F27" s="7">
        <v>30000</v>
      </c>
      <c r="G27" s="5" t="s">
        <v>374</v>
      </c>
      <c r="H27" s="6" t="s">
        <v>40</v>
      </c>
      <c r="I27" s="8">
        <v>43816</v>
      </c>
    </row>
    <row r="28" spans="1:9" ht="24" x14ac:dyDescent="0.2">
      <c r="A28" s="4">
        <v>43556</v>
      </c>
      <c r="B28" s="5" t="s">
        <v>8</v>
      </c>
      <c r="C28" s="5" t="s">
        <v>82</v>
      </c>
      <c r="D28" s="6" t="s">
        <v>83</v>
      </c>
      <c r="E28" s="5" t="s">
        <v>84</v>
      </c>
      <c r="F28" s="7">
        <v>119000</v>
      </c>
      <c r="G28" s="5" t="s">
        <v>85</v>
      </c>
      <c r="H28" s="6" t="s">
        <v>86</v>
      </c>
      <c r="I28" s="8">
        <v>43748</v>
      </c>
    </row>
    <row r="29" spans="1:9" ht="24" x14ac:dyDescent="0.2">
      <c r="A29" s="4">
        <v>43556</v>
      </c>
      <c r="B29" s="5" t="s">
        <v>8</v>
      </c>
      <c r="C29" s="5" t="s">
        <v>82</v>
      </c>
      <c r="D29" s="6" t="s">
        <v>87</v>
      </c>
      <c r="E29" s="5" t="s">
        <v>88</v>
      </c>
      <c r="F29" s="7">
        <v>5464</v>
      </c>
      <c r="G29" s="5" t="s">
        <v>89</v>
      </c>
      <c r="H29" s="6" t="s">
        <v>90</v>
      </c>
      <c r="I29" s="8">
        <v>43768</v>
      </c>
    </row>
    <row r="30" spans="1:9" ht="24" x14ac:dyDescent="0.2">
      <c r="A30" s="4">
        <v>43556</v>
      </c>
      <c r="B30" s="5" t="s">
        <v>8</v>
      </c>
      <c r="C30" s="5" t="s">
        <v>82</v>
      </c>
      <c r="D30" s="6" t="s">
        <v>91</v>
      </c>
      <c r="E30" s="5" t="s">
        <v>92</v>
      </c>
      <c r="F30" s="7">
        <v>9735</v>
      </c>
      <c r="G30" s="5" t="s">
        <v>93</v>
      </c>
      <c r="H30" s="6" t="s">
        <v>94</v>
      </c>
      <c r="I30" s="8">
        <v>43770</v>
      </c>
    </row>
    <row r="31" spans="1:9" ht="24" x14ac:dyDescent="0.2">
      <c r="A31" s="4">
        <v>43556</v>
      </c>
      <c r="B31" s="5" t="s">
        <v>8</v>
      </c>
      <c r="C31" s="5" t="s">
        <v>82</v>
      </c>
      <c r="D31" s="6" t="s">
        <v>95</v>
      </c>
      <c r="E31" s="5" t="s">
        <v>96</v>
      </c>
      <c r="F31" s="7">
        <v>153876</v>
      </c>
      <c r="G31" s="5" t="s">
        <v>85</v>
      </c>
      <c r="H31" s="6" t="s">
        <v>86</v>
      </c>
      <c r="I31" s="8">
        <v>43781</v>
      </c>
    </row>
    <row r="32" spans="1:9" ht="24" x14ac:dyDescent="0.2">
      <c r="A32" s="4">
        <v>43556</v>
      </c>
      <c r="B32" s="5" t="s">
        <v>8</v>
      </c>
      <c r="C32" s="5" t="s">
        <v>82</v>
      </c>
      <c r="D32" s="6" t="s">
        <v>97</v>
      </c>
      <c r="E32" s="5" t="s">
        <v>98</v>
      </c>
      <c r="F32" s="7">
        <v>117629</v>
      </c>
      <c r="G32" s="5" t="s">
        <v>85</v>
      </c>
      <c r="H32" s="6" t="s">
        <v>86</v>
      </c>
      <c r="I32" s="8">
        <v>43810</v>
      </c>
    </row>
    <row r="33" spans="1:9" ht="24" x14ac:dyDescent="0.2">
      <c r="A33" s="4">
        <v>43556</v>
      </c>
      <c r="B33" s="5" t="s">
        <v>8</v>
      </c>
      <c r="C33" s="5" t="s">
        <v>82</v>
      </c>
      <c r="D33" s="6" t="s">
        <v>99</v>
      </c>
      <c r="E33" s="5" t="s">
        <v>100</v>
      </c>
      <c r="F33" s="7">
        <v>11319</v>
      </c>
      <c r="G33" s="5" t="s">
        <v>89</v>
      </c>
      <c r="H33" s="6" t="s">
        <v>90</v>
      </c>
      <c r="I33" s="8">
        <v>43825</v>
      </c>
    </row>
    <row r="34" spans="1:9" ht="24" x14ac:dyDescent="0.2">
      <c r="A34" s="4">
        <v>43556</v>
      </c>
      <c r="B34" s="5" t="s">
        <v>8</v>
      </c>
      <c r="C34" s="5" t="s">
        <v>101</v>
      </c>
      <c r="D34" s="6" t="s">
        <v>102</v>
      </c>
      <c r="E34" s="5" t="s">
        <v>103</v>
      </c>
      <c r="F34" s="7">
        <v>25524</v>
      </c>
      <c r="G34" s="5" t="s">
        <v>104</v>
      </c>
      <c r="H34" s="6" t="s">
        <v>105</v>
      </c>
      <c r="I34" s="8">
        <v>43742</v>
      </c>
    </row>
    <row r="35" spans="1:9" ht="24" x14ac:dyDescent="0.2">
      <c r="A35" s="4">
        <v>43556</v>
      </c>
      <c r="B35" s="5" t="s">
        <v>8</v>
      </c>
      <c r="C35" s="5" t="s">
        <v>101</v>
      </c>
      <c r="D35" s="6" t="s">
        <v>106</v>
      </c>
      <c r="E35" s="5" t="s">
        <v>107</v>
      </c>
      <c r="F35" s="7">
        <v>34034</v>
      </c>
      <c r="G35" s="5" t="s">
        <v>108</v>
      </c>
      <c r="H35" s="6" t="s">
        <v>109</v>
      </c>
      <c r="I35" s="8">
        <v>43745</v>
      </c>
    </row>
    <row r="36" spans="1:9" ht="24" x14ac:dyDescent="0.2">
      <c r="A36" s="4">
        <v>43556</v>
      </c>
      <c r="B36" s="5" t="s">
        <v>8</v>
      </c>
      <c r="C36" s="5" t="s">
        <v>101</v>
      </c>
      <c r="D36" s="6" t="s">
        <v>110</v>
      </c>
      <c r="E36" s="5" t="s">
        <v>111</v>
      </c>
      <c r="F36" s="7">
        <v>6300</v>
      </c>
      <c r="G36" s="5" t="s">
        <v>112</v>
      </c>
      <c r="H36" s="6" t="s">
        <v>113</v>
      </c>
      <c r="I36" s="8">
        <v>43801</v>
      </c>
    </row>
    <row r="37" spans="1:9" ht="24" x14ac:dyDescent="0.2">
      <c r="A37" s="4">
        <v>43556</v>
      </c>
      <c r="B37" s="5" t="s">
        <v>8</v>
      </c>
      <c r="C37" s="5" t="s">
        <v>101</v>
      </c>
      <c r="D37" s="6" t="s">
        <v>114</v>
      </c>
      <c r="E37" s="5" t="s">
        <v>115</v>
      </c>
      <c r="F37" s="7">
        <v>25074</v>
      </c>
      <c r="G37" s="5" t="s">
        <v>104</v>
      </c>
      <c r="H37" s="6" t="s">
        <v>105</v>
      </c>
      <c r="I37" s="8">
        <v>43801</v>
      </c>
    </row>
    <row r="38" spans="1:9" ht="24" x14ac:dyDescent="0.2">
      <c r="A38" s="4">
        <v>43556</v>
      </c>
      <c r="B38" s="5" t="s">
        <v>8</v>
      </c>
      <c r="C38" s="5" t="s">
        <v>101</v>
      </c>
      <c r="D38" s="6" t="s">
        <v>116</v>
      </c>
      <c r="E38" s="5" t="s">
        <v>117</v>
      </c>
      <c r="F38" s="7">
        <v>6050</v>
      </c>
      <c r="G38" s="5" t="s">
        <v>118</v>
      </c>
      <c r="H38" s="6" t="s">
        <v>119</v>
      </c>
      <c r="I38" s="8">
        <v>43808</v>
      </c>
    </row>
    <row r="39" spans="1:9" x14ac:dyDescent="0.2">
      <c r="A39" s="4">
        <v>43556</v>
      </c>
      <c r="B39" s="5" t="s">
        <v>8</v>
      </c>
      <c r="C39" s="5" t="s">
        <v>101</v>
      </c>
      <c r="D39" s="6" t="s">
        <v>120</v>
      </c>
      <c r="E39" s="5" t="s">
        <v>121</v>
      </c>
      <c r="F39" s="7">
        <v>9567</v>
      </c>
      <c r="G39" s="5" t="s">
        <v>75</v>
      </c>
      <c r="H39" s="6" t="s">
        <v>76</v>
      </c>
      <c r="I39" s="8">
        <v>43809</v>
      </c>
    </row>
    <row r="40" spans="1:9" ht="24" x14ac:dyDescent="0.2">
      <c r="A40" s="4">
        <v>43556</v>
      </c>
      <c r="B40" s="5" t="s">
        <v>8</v>
      </c>
      <c r="C40" s="5" t="s">
        <v>122</v>
      </c>
      <c r="D40" s="6" t="s">
        <v>123</v>
      </c>
      <c r="E40" s="5" t="s">
        <v>124</v>
      </c>
      <c r="F40" s="7">
        <v>33528</v>
      </c>
      <c r="G40" s="5" t="s">
        <v>125</v>
      </c>
      <c r="H40" s="6" t="s">
        <v>126</v>
      </c>
      <c r="I40" s="8">
        <v>43742</v>
      </c>
    </row>
    <row r="41" spans="1:9" ht="24" x14ac:dyDescent="0.2">
      <c r="A41" s="4">
        <v>43556</v>
      </c>
      <c r="B41" s="5" t="s">
        <v>8</v>
      </c>
      <c r="C41" s="5" t="s">
        <v>122</v>
      </c>
      <c r="D41" s="6" t="s">
        <v>127</v>
      </c>
      <c r="E41" s="5" t="s">
        <v>128</v>
      </c>
      <c r="F41" s="7">
        <v>22289</v>
      </c>
      <c r="G41" s="5" t="s">
        <v>129</v>
      </c>
      <c r="H41" s="6" t="s">
        <v>130</v>
      </c>
      <c r="I41" s="8">
        <v>43742</v>
      </c>
    </row>
    <row r="42" spans="1:9" ht="24" x14ac:dyDescent="0.2">
      <c r="A42" s="4">
        <v>43556</v>
      </c>
      <c r="B42" s="5" t="s">
        <v>8</v>
      </c>
      <c r="C42" s="5" t="s">
        <v>122</v>
      </c>
      <c r="D42" s="6" t="s">
        <v>131</v>
      </c>
      <c r="E42" s="5" t="s">
        <v>132</v>
      </c>
      <c r="F42" s="7">
        <v>21230</v>
      </c>
      <c r="G42" s="5" t="s">
        <v>16</v>
      </c>
      <c r="H42" s="6" t="s">
        <v>17</v>
      </c>
      <c r="I42" s="8">
        <v>43780</v>
      </c>
    </row>
    <row r="43" spans="1:9" ht="24" x14ac:dyDescent="0.2">
      <c r="A43" s="4">
        <v>43556</v>
      </c>
      <c r="B43" s="5" t="s">
        <v>8</v>
      </c>
      <c r="C43" s="5" t="s">
        <v>122</v>
      </c>
      <c r="D43" s="6" t="s">
        <v>133</v>
      </c>
      <c r="E43" s="5" t="s">
        <v>134</v>
      </c>
      <c r="F43" s="7">
        <v>15130</v>
      </c>
      <c r="G43" s="5" t="s">
        <v>135</v>
      </c>
      <c r="H43" s="6" t="s">
        <v>136</v>
      </c>
      <c r="I43" s="8">
        <v>43787</v>
      </c>
    </row>
    <row r="44" spans="1:9" ht="24" x14ac:dyDescent="0.2">
      <c r="A44" s="4">
        <v>43556</v>
      </c>
      <c r="B44" s="5" t="s">
        <v>8</v>
      </c>
      <c r="C44" s="5" t="s">
        <v>122</v>
      </c>
      <c r="D44" s="6" t="s">
        <v>137</v>
      </c>
      <c r="E44" s="5" t="s">
        <v>138</v>
      </c>
      <c r="F44" s="7">
        <v>6050</v>
      </c>
      <c r="G44" s="5" t="s">
        <v>139</v>
      </c>
      <c r="H44" s="6" t="s">
        <v>140</v>
      </c>
      <c r="I44" s="8">
        <v>43794</v>
      </c>
    </row>
    <row r="45" spans="1:9" ht="24" x14ac:dyDescent="0.2">
      <c r="A45" s="4">
        <v>43556</v>
      </c>
      <c r="B45" s="5" t="s">
        <v>8</v>
      </c>
      <c r="C45" s="5" t="s">
        <v>122</v>
      </c>
      <c r="D45" s="6" t="s">
        <v>141</v>
      </c>
      <c r="E45" s="5" t="s">
        <v>142</v>
      </c>
      <c r="F45" s="7">
        <v>76494</v>
      </c>
      <c r="G45" s="5" t="s">
        <v>143</v>
      </c>
      <c r="H45" s="6" t="s">
        <v>144</v>
      </c>
      <c r="I45" s="8">
        <v>43817</v>
      </c>
    </row>
    <row r="46" spans="1:9" ht="24" x14ac:dyDescent="0.2">
      <c r="A46" s="4">
        <v>43556</v>
      </c>
      <c r="B46" s="5" t="s">
        <v>8</v>
      </c>
      <c r="C46" s="5" t="s">
        <v>122</v>
      </c>
      <c r="D46" s="6" t="s">
        <v>145</v>
      </c>
      <c r="E46" s="5" t="s">
        <v>142</v>
      </c>
      <c r="F46" s="7">
        <v>143286</v>
      </c>
      <c r="G46" s="5" t="s">
        <v>146</v>
      </c>
      <c r="H46" s="6" t="s">
        <v>147</v>
      </c>
      <c r="I46" s="8">
        <v>43817</v>
      </c>
    </row>
    <row r="47" spans="1:9" x14ac:dyDescent="0.2">
      <c r="A47" s="4">
        <v>43556</v>
      </c>
      <c r="B47" s="5" t="s">
        <v>8</v>
      </c>
      <c r="C47" s="5" t="s">
        <v>122</v>
      </c>
      <c r="D47" s="6" t="s">
        <v>148</v>
      </c>
      <c r="E47" s="5" t="s">
        <v>142</v>
      </c>
      <c r="F47" s="7">
        <v>24497</v>
      </c>
      <c r="G47" s="5" t="s">
        <v>149</v>
      </c>
      <c r="H47" s="6" t="s">
        <v>150</v>
      </c>
      <c r="I47" s="8">
        <v>43817</v>
      </c>
    </row>
    <row r="48" spans="1:9" ht="24" x14ac:dyDescent="0.2">
      <c r="A48" s="4">
        <v>43556</v>
      </c>
      <c r="B48" s="5" t="s">
        <v>8</v>
      </c>
      <c r="C48" s="5" t="s">
        <v>122</v>
      </c>
      <c r="D48" s="6" t="s">
        <v>151</v>
      </c>
      <c r="E48" s="5" t="s">
        <v>142</v>
      </c>
      <c r="F48" s="7">
        <v>18480</v>
      </c>
      <c r="G48" s="5" t="s">
        <v>152</v>
      </c>
      <c r="H48" s="6" t="s">
        <v>153</v>
      </c>
      <c r="I48" s="8">
        <v>43817</v>
      </c>
    </row>
    <row r="49" spans="1:9" ht="24" x14ac:dyDescent="0.2">
      <c r="A49" s="4">
        <v>43556</v>
      </c>
      <c r="B49" s="5" t="s">
        <v>8</v>
      </c>
      <c r="C49" s="5" t="s">
        <v>122</v>
      </c>
      <c r="D49" s="6" t="s">
        <v>154</v>
      </c>
      <c r="E49" s="5" t="s">
        <v>142</v>
      </c>
      <c r="F49" s="7">
        <v>5280</v>
      </c>
      <c r="G49" s="5" t="s">
        <v>155</v>
      </c>
      <c r="H49" s="6" t="s">
        <v>156</v>
      </c>
      <c r="I49" s="8">
        <v>43817</v>
      </c>
    </row>
    <row r="50" spans="1:9" ht="24" x14ac:dyDescent="0.2">
      <c r="A50" s="4">
        <v>43556</v>
      </c>
      <c r="B50" s="5" t="s">
        <v>8</v>
      </c>
      <c r="C50" s="5" t="s">
        <v>122</v>
      </c>
      <c r="D50" s="6" t="s">
        <v>157</v>
      </c>
      <c r="E50" s="5" t="s">
        <v>142</v>
      </c>
      <c r="F50" s="7">
        <v>1210</v>
      </c>
      <c r="G50" s="5" t="s">
        <v>158</v>
      </c>
      <c r="H50" s="6" t="s">
        <v>159</v>
      </c>
      <c r="I50" s="8">
        <v>43817</v>
      </c>
    </row>
    <row r="51" spans="1:9" ht="24" x14ac:dyDescent="0.2">
      <c r="A51" s="4">
        <v>43556</v>
      </c>
      <c r="B51" s="5" t="s">
        <v>8</v>
      </c>
      <c r="C51" s="5" t="s">
        <v>122</v>
      </c>
      <c r="D51" s="6" t="s">
        <v>160</v>
      </c>
      <c r="E51" s="5" t="s">
        <v>142</v>
      </c>
      <c r="F51" s="7">
        <v>73810</v>
      </c>
      <c r="G51" s="5" t="s">
        <v>161</v>
      </c>
      <c r="H51" s="6" t="s">
        <v>162</v>
      </c>
      <c r="I51" s="8">
        <v>43817</v>
      </c>
    </row>
    <row r="52" spans="1:9" ht="24" x14ac:dyDescent="0.2">
      <c r="A52" s="4">
        <v>43556</v>
      </c>
      <c r="B52" s="5" t="s">
        <v>8</v>
      </c>
      <c r="C52" s="5" t="s">
        <v>163</v>
      </c>
      <c r="D52" s="6" t="s">
        <v>164</v>
      </c>
      <c r="E52" s="5" t="s">
        <v>165</v>
      </c>
      <c r="F52" s="7">
        <v>11060</v>
      </c>
      <c r="G52" s="5" t="s">
        <v>166</v>
      </c>
      <c r="H52" s="6" t="s">
        <v>167</v>
      </c>
      <c r="I52" s="8">
        <v>43745</v>
      </c>
    </row>
    <row r="53" spans="1:9" ht="24" x14ac:dyDescent="0.2">
      <c r="A53" s="4">
        <v>43556</v>
      </c>
      <c r="B53" s="5" t="s">
        <v>8</v>
      </c>
      <c r="C53" s="5" t="s">
        <v>163</v>
      </c>
      <c r="D53" s="6" t="s">
        <v>168</v>
      </c>
      <c r="E53" s="5" t="s">
        <v>169</v>
      </c>
      <c r="F53" s="7">
        <v>3421</v>
      </c>
      <c r="G53" s="5" t="s">
        <v>139</v>
      </c>
      <c r="H53" s="6" t="s">
        <v>140</v>
      </c>
      <c r="I53" s="8">
        <v>43748</v>
      </c>
    </row>
    <row r="54" spans="1:9" ht="24" x14ac:dyDescent="0.2">
      <c r="A54" s="4">
        <v>43556</v>
      </c>
      <c r="B54" s="5" t="s">
        <v>8</v>
      </c>
      <c r="C54" s="5" t="s">
        <v>163</v>
      </c>
      <c r="D54" s="6" t="s">
        <v>170</v>
      </c>
      <c r="E54" s="5" t="s">
        <v>171</v>
      </c>
      <c r="F54" s="7">
        <v>52580</v>
      </c>
      <c r="G54" s="5" t="s">
        <v>125</v>
      </c>
      <c r="H54" s="6" t="s">
        <v>126</v>
      </c>
      <c r="I54" s="8">
        <v>43777</v>
      </c>
    </row>
    <row r="55" spans="1:9" ht="24" x14ac:dyDescent="0.2">
      <c r="A55" s="4">
        <v>43556</v>
      </c>
      <c r="B55" s="5" t="s">
        <v>8</v>
      </c>
      <c r="C55" s="5" t="s">
        <v>163</v>
      </c>
      <c r="D55" s="6" t="s">
        <v>172</v>
      </c>
      <c r="E55" s="5" t="s">
        <v>173</v>
      </c>
      <c r="F55" s="7">
        <v>4110</v>
      </c>
      <c r="G55" s="5" t="s">
        <v>174</v>
      </c>
      <c r="H55" s="6" t="s">
        <v>175</v>
      </c>
      <c r="I55" s="8">
        <v>43797</v>
      </c>
    </row>
    <row r="56" spans="1:9" ht="24" x14ac:dyDescent="0.2">
      <c r="A56" s="4">
        <v>43556</v>
      </c>
      <c r="B56" s="5" t="s">
        <v>8</v>
      </c>
      <c r="C56" s="5" t="s">
        <v>163</v>
      </c>
      <c r="D56" s="6" t="s">
        <v>176</v>
      </c>
      <c r="E56" s="5" t="s">
        <v>177</v>
      </c>
      <c r="F56" s="7">
        <v>27500</v>
      </c>
      <c r="G56" s="5" t="s">
        <v>178</v>
      </c>
      <c r="H56" s="6" t="s">
        <v>179</v>
      </c>
      <c r="I56" s="8">
        <v>43808</v>
      </c>
    </row>
    <row r="57" spans="1:9" ht="24" x14ac:dyDescent="0.2">
      <c r="A57" s="4">
        <v>43556</v>
      </c>
      <c r="B57" s="5" t="s">
        <v>8</v>
      </c>
      <c r="C57" s="5" t="s">
        <v>163</v>
      </c>
      <c r="D57" s="6" t="s">
        <v>180</v>
      </c>
      <c r="E57" s="5" t="s">
        <v>181</v>
      </c>
      <c r="F57" s="7">
        <v>12100</v>
      </c>
      <c r="G57" s="5" t="s">
        <v>22</v>
      </c>
      <c r="H57" s="6" t="s">
        <v>23</v>
      </c>
      <c r="I57" s="8">
        <v>43808</v>
      </c>
    </row>
    <row r="58" spans="1:9" ht="24" x14ac:dyDescent="0.2">
      <c r="A58" s="4">
        <v>43556</v>
      </c>
      <c r="B58" s="5" t="s">
        <v>8</v>
      </c>
      <c r="C58" s="5" t="s">
        <v>182</v>
      </c>
      <c r="D58" s="6" t="s">
        <v>183</v>
      </c>
      <c r="E58" s="5" t="s">
        <v>184</v>
      </c>
      <c r="F58" s="7">
        <v>2266</v>
      </c>
      <c r="G58" s="5" t="s">
        <v>22</v>
      </c>
      <c r="H58" s="6" t="s">
        <v>23</v>
      </c>
      <c r="I58" s="8">
        <v>43762</v>
      </c>
    </row>
    <row r="59" spans="1:9" ht="24" x14ac:dyDescent="0.2">
      <c r="A59" s="4">
        <v>43556</v>
      </c>
      <c r="B59" s="5" t="s">
        <v>8</v>
      </c>
      <c r="C59" s="5" t="s">
        <v>182</v>
      </c>
      <c r="D59" s="6" t="s">
        <v>185</v>
      </c>
      <c r="E59" s="5" t="s">
        <v>186</v>
      </c>
      <c r="F59" s="7">
        <v>1800</v>
      </c>
      <c r="G59" s="5" t="s">
        <v>187</v>
      </c>
      <c r="H59" s="6" t="s">
        <v>188</v>
      </c>
      <c r="I59" s="8">
        <v>43766</v>
      </c>
    </row>
    <row r="60" spans="1:9" ht="24" x14ac:dyDescent="0.2">
      <c r="A60" s="4">
        <v>43556</v>
      </c>
      <c r="B60" s="5" t="s">
        <v>8</v>
      </c>
      <c r="C60" s="5" t="s">
        <v>182</v>
      </c>
      <c r="D60" s="6" t="s">
        <v>189</v>
      </c>
      <c r="E60" s="5" t="s">
        <v>190</v>
      </c>
      <c r="F60" s="7">
        <v>4950</v>
      </c>
      <c r="G60" s="5" t="s">
        <v>22</v>
      </c>
      <c r="H60" s="6" t="s">
        <v>23</v>
      </c>
      <c r="I60" s="8">
        <v>43797</v>
      </c>
    </row>
    <row r="61" spans="1:9" ht="24" x14ac:dyDescent="0.2">
      <c r="A61" s="4">
        <v>43556</v>
      </c>
      <c r="B61" s="5" t="s">
        <v>8</v>
      </c>
      <c r="C61" s="5" t="s">
        <v>182</v>
      </c>
      <c r="D61" s="6" t="s">
        <v>191</v>
      </c>
      <c r="E61" s="5" t="s">
        <v>192</v>
      </c>
      <c r="F61" s="7">
        <v>2090</v>
      </c>
      <c r="G61" s="5" t="s">
        <v>16</v>
      </c>
      <c r="H61" s="6" t="s">
        <v>17</v>
      </c>
      <c r="I61" s="8">
        <v>43819</v>
      </c>
    </row>
    <row r="62" spans="1:9" ht="24" x14ac:dyDescent="0.2">
      <c r="A62" s="4">
        <v>43556</v>
      </c>
      <c r="B62" s="5" t="s">
        <v>8</v>
      </c>
      <c r="C62" s="5" t="s">
        <v>182</v>
      </c>
      <c r="D62" s="6" t="s">
        <v>193</v>
      </c>
      <c r="E62" s="5" t="s">
        <v>194</v>
      </c>
      <c r="F62" s="7">
        <v>1800</v>
      </c>
      <c r="G62" s="5" t="s">
        <v>187</v>
      </c>
      <c r="H62" s="6" t="s">
        <v>188</v>
      </c>
      <c r="I62" s="8">
        <v>43824</v>
      </c>
    </row>
    <row r="63" spans="1:9" ht="24" x14ac:dyDescent="0.2">
      <c r="A63" s="4">
        <v>43556</v>
      </c>
      <c r="B63" s="5" t="s">
        <v>8</v>
      </c>
      <c r="C63" s="5" t="s">
        <v>195</v>
      </c>
      <c r="D63" s="6" t="s">
        <v>196</v>
      </c>
      <c r="E63" s="5" t="s">
        <v>197</v>
      </c>
      <c r="F63" s="7">
        <v>36344</v>
      </c>
      <c r="G63" s="5" t="s">
        <v>198</v>
      </c>
      <c r="H63" s="6" t="s">
        <v>199</v>
      </c>
      <c r="I63" s="8">
        <v>43741</v>
      </c>
    </row>
    <row r="64" spans="1:9" ht="24" x14ac:dyDescent="0.2">
      <c r="A64" s="4">
        <v>43556</v>
      </c>
      <c r="B64" s="5" t="s">
        <v>8</v>
      </c>
      <c r="C64" s="5" t="s">
        <v>195</v>
      </c>
      <c r="D64" s="6" t="s">
        <v>200</v>
      </c>
      <c r="E64" s="5" t="s">
        <v>201</v>
      </c>
      <c r="F64" s="7">
        <v>51700</v>
      </c>
      <c r="G64" s="5" t="s">
        <v>202</v>
      </c>
      <c r="H64" s="6" t="s">
        <v>203</v>
      </c>
      <c r="I64" s="8">
        <v>43745</v>
      </c>
    </row>
    <row r="65" spans="1:9" ht="24" x14ac:dyDescent="0.2">
      <c r="A65" s="4">
        <v>43556</v>
      </c>
      <c r="B65" s="5" t="s">
        <v>8</v>
      </c>
      <c r="C65" s="5" t="s">
        <v>195</v>
      </c>
      <c r="D65" s="6" t="s">
        <v>204</v>
      </c>
      <c r="E65" s="5" t="s">
        <v>205</v>
      </c>
      <c r="F65" s="7">
        <v>34485</v>
      </c>
      <c r="G65" s="5" t="s">
        <v>206</v>
      </c>
      <c r="H65" s="6" t="s">
        <v>207</v>
      </c>
      <c r="I65" s="8">
        <v>43745</v>
      </c>
    </row>
    <row r="66" spans="1:9" ht="24" x14ac:dyDescent="0.2">
      <c r="A66" s="4">
        <v>43556</v>
      </c>
      <c r="B66" s="5" t="s">
        <v>8</v>
      </c>
      <c r="C66" s="5" t="s">
        <v>195</v>
      </c>
      <c r="D66" s="6" t="s">
        <v>208</v>
      </c>
      <c r="E66" s="5" t="s">
        <v>209</v>
      </c>
      <c r="F66" s="7">
        <v>38236</v>
      </c>
      <c r="G66" s="5" t="s">
        <v>210</v>
      </c>
      <c r="H66" s="6" t="s">
        <v>211</v>
      </c>
      <c r="I66" s="8">
        <v>43747</v>
      </c>
    </row>
    <row r="67" spans="1:9" ht="24" x14ac:dyDescent="0.2">
      <c r="A67" s="4">
        <v>43556</v>
      </c>
      <c r="B67" s="5" t="s">
        <v>8</v>
      </c>
      <c r="C67" s="5" t="s">
        <v>195</v>
      </c>
      <c r="D67" s="6" t="s">
        <v>212</v>
      </c>
      <c r="E67" s="5" t="s">
        <v>213</v>
      </c>
      <c r="F67" s="7">
        <v>69454</v>
      </c>
      <c r="G67" s="5" t="s">
        <v>214</v>
      </c>
      <c r="H67" s="6" t="s">
        <v>215</v>
      </c>
      <c r="I67" s="8">
        <v>43755</v>
      </c>
    </row>
    <row r="68" spans="1:9" ht="24" x14ac:dyDescent="0.2">
      <c r="A68" s="4">
        <v>43556</v>
      </c>
      <c r="B68" s="5" t="s">
        <v>8</v>
      </c>
      <c r="C68" s="5" t="s">
        <v>195</v>
      </c>
      <c r="D68" s="6" t="s">
        <v>216</v>
      </c>
      <c r="E68" s="5" t="s">
        <v>217</v>
      </c>
      <c r="F68" s="7">
        <v>32120</v>
      </c>
      <c r="G68" s="5" t="s">
        <v>218</v>
      </c>
      <c r="H68" s="6" t="s">
        <v>219</v>
      </c>
      <c r="I68" s="8">
        <v>43755</v>
      </c>
    </row>
    <row r="69" spans="1:9" ht="24" x14ac:dyDescent="0.2">
      <c r="A69" s="4">
        <v>43556</v>
      </c>
      <c r="B69" s="5" t="s">
        <v>8</v>
      </c>
      <c r="C69" s="5" t="s">
        <v>195</v>
      </c>
      <c r="D69" s="6" t="s">
        <v>220</v>
      </c>
      <c r="E69" s="5" t="s">
        <v>221</v>
      </c>
      <c r="F69" s="7">
        <v>102080</v>
      </c>
      <c r="G69" s="5" t="s">
        <v>198</v>
      </c>
      <c r="H69" s="6" t="s">
        <v>199</v>
      </c>
      <c r="I69" s="8">
        <v>43756</v>
      </c>
    </row>
    <row r="70" spans="1:9" ht="24" x14ac:dyDescent="0.2">
      <c r="A70" s="4">
        <v>43556</v>
      </c>
      <c r="B70" s="5" t="s">
        <v>8</v>
      </c>
      <c r="C70" s="5" t="s">
        <v>195</v>
      </c>
      <c r="D70" s="6" t="s">
        <v>222</v>
      </c>
      <c r="E70" s="5" t="s">
        <v>223</v>
      </c>
      <c r="F70" s="7">
        <v>20790</v>
      </c>
      <c r="G70" s="5" t="s">
        <v>206</v>
      </c>
      <c r="H70" s="6" t="s">
        <v>207</v>
      </c>
      <c r="I70" s="8">
        <v>43759</v>
      </c>
    </row>
    <row r="71" spans="1:9" ht="24" x14ac:dyDescent="0.2">
      <c r="A71" s="4">
        <v>43556</v>
      </c>
      <c r="B71" s="5" t="s">
        <v>8</v>
      </c>
      <c r="C71" s="5" t="s">
        <v>195</v>
      </c>
      <c r="D71" s="6" t="s">
        <v>224</v>
      </c>
      <c r="E71" s="5" t="s">
        <v>225</v>
      </c>
      <c r="F71" s="7">
        <v>4989</v>
      </c>
      <c r="G71" s="5" t="s">
        <v>226</v>
      </c>
      <c r="H71" s="6" t="s">
        <v>227</v>
      </c>
      <c r="I71" s="8">
        <v>43759</v>
      </c>
    </row>
    <row r="72" spans="1:9" ht="24" x14ac:dyDescent="0.2">
      <c r="A72" s="4">
        <v>43556</v>
      </c>
      <c r="B72" s="5" t="s">
        <v>8</v>
      </c>
      <c r="C72" s="5" t="s">
        <v>195</v>
      </c>
      <c r="D72" s="6" t="s">
        <v>228</v>
      </c>
      <c r="E72" s="5" t="s">
        <v>229</v>
      </c>
      <c r="F72" s="7">
        <v>22880</v>
      </c>
      <c r="G72" s="5" t="s">
        <v>198</v>
      </c>
      <c r="H72" s="6" t="s">
        <v>199</v>
      </c>
      <c r="I72" s="8">
        <v>43762</v>
      </c>
    </row>
    <row r="73" spans="1:9" ht="24" x14ac:dyDescent="0.2">
      <c r="A73" s="4">
        <v>43556</v>
      </c>
      <c r="B73" s="5" t="s">
        <v>8</v>
      </c>
      <c r="C73" s="5" t="s">
        <v>195</v>
      </c>
      <c r="D73" s="6" t="s">
        <v>230</v>
      </c>
      <c r="E73" s="5" t="s">
        <v>231</v>
      </c>
      <c r="F73" s="7">
        <v>2123</v>
      </c>
      <c r="G73" s="5" t="s">
        <v>232</v>
      </c>
      <c r="H73" s="6" t="s">
        <v>233</v>
      </c>
      <c r="I73" s="8">
        <v>43763</v>
      </c>
    </row>
    <row r="74" spans="1:9" ht="24" x14ac:dyDescent="0.2">
      <c r="A74" s="4">
        <v>43556</v>
      </c>
      <c r="B74" s="5" t="s">
        <v>8</v>
      </c>
      <c r="C74" s="5" t="s">
        <v>195</v>
      </c>
      <c r="D74" s="6" t="s">
        <v>234</v>
      </c>
      <c r="E74" s="5" t="s">
        <v>235</v>
      </c>
      <c r="F74" s="7">
        <v>902000</v>
      </c>
      <c r="G74" s="5" t="s">
        <v>236</v>
      </c>
      <c r="H74" s="6" t="s">
        <v>237</v>
      </c>
      <c r="I74" s="8">
        <v>43775</v>
      </c>
    </row>
    <row r="75" spans="1:9" ht="24" x14ac:dyDescent="0.2">
      <c r="A75" s="4">
        <v>43556</v>
      </c>
      <c r="B75" s="5" t="s">
        <v>8</v>
      </c>
      <c r="C75" s="5" t="s">
        <v>195</v>
      </c>
      <c r="D75" s="6" t="s">
        <v>238</v>
      </c>
      <c r="E75" s="5" t="s">
        <v>239</v>
      </c>
      <c r="F75" s="7">
        <v>28380</v>
      </c>
      <c r="G75" s="5" t="s">
        <v>240</v>
      </c>
      <c r="H75" s="6" t="s">
        <v>241</v>
      </c>
      <c r="I75" s="8">
        <v>43782</v>
      </c>
    </row>
    <row r="76" spans="1:9" ht="24" x14ac:dyDescent="0.2">
      <c r="A76" s="4">
        <v>43556</v>
      </c>
      <c r="B76" s="5" t="s">
        <v>8</v>
      </c>
      <c r="C76" s="5" t="s">
        <v>195</v>
      </c>
      <c r="D76" s="6" t="s">
        <v>242</v>
      </c>
      <c r="E76" s="5" t="s">
        <v>243</v>
      </c>
      <c r="F76" s="7">
        <v>15477</v>
      </c>
      <c r="G76" s="5" t="s">
        <v>244</v>
      </c>
      <c r="H76" s="6" t="s">
        <v>245</v>
      </c>
      <c r="I76" s="8">
        <v>43782</v>
      </c>
    </row>
    <row r="77" spans="1:9" ht="24" x14ac:dyDescent="0.2">
      <c r="A77" s="4">
        <v>43556</v>
      </c>
      <c r="B77" s="5" t="s">
        <v>8</v>
      </c>
      <c r="C77" s="5" t="s">
        <v>195</v>
      </c>
      <c r="D77" s="6" t="s">
        <v>246</v>
      </c>
      <c r="E77" s="5" t="s">
        <v>247</v>
      </c>
      <c r="F77" s="7">
        <v>30580</v>
      </c>
      <c r="G77" s="5" t="s">
        <v>198</v>
      </c>
      <c r="H77" s="6" t="s">
        <v>199</v>
      </c>
      <c r="I77" s="8">
        <v>43788</v>
      </c>
    </row>
    <row r="78" spans="1:9" ht="24" x14ac:dyDescent="0.2">
      <c r="A78" s="4">
        <v>43556</v>
      </c>
      <c r="B78" s="5" t="s">
        <v>8</v>
      </c>
      <c r="C78" s="5" t="s">
        <v>195</v>
      </c>
      <c r="D78" s="6" t="s">
        <v>248</v>
      </c>
      <c r="E78" s="5" t="s">
        <v>249</v>
      </c>
      <c r="F78" s="7">
        <v>18480</v>
      </c>
      <c r="G78" s="5" t="s">
        <v>250</v>
      </c>
      <c r="H78" s="6" t="s">
        <v>251</v>
      </c>
      <c r="I78" s="8">
        <v>43789</v>
      </c>
    </row>
    <row r="79" spans="1:9" ht="24" x14ac:dyDescent="0.2">
      <c r="A79" s="4">
        <v>43556</v>
      </c>
      <c r="B79" s="5" t="s">
        <v>8</v>
      </c>
      <c r="C79" s="5" t="s">
        <v>195</v>
      </c>
      <c r="D79" s="6" t="s">
        <v>252</v>
      </c>
      <c r="E79" s="5" t="s">
        <v>253</v>
      </c>
      <c r="F79" s="7">
        <v>12749</v>
      </c>
      <c r="G79" s="5" t="s">
        <v>210</v>
      </c>
      <c r="H79" s="6" t="s">
        <v>211</v>
      </c>
      <c r="I79" s="8">
        <v>43795</v>
      </c>
    </row>
    <row r="80" spans="1:9" ht="24" x14ac:dyDescent="0.2">
      <c r="A80" s="4">
        <v>43556</v>
      </c>
      <c r="B80" s="5" t="s">
        <v>8</v>
      </c>
      <c r="C80" s="5" t="s">
        <v>195</v>
      </c>
      <c r="D80" s="6" t="s">
        <v>254</v>
      </c>
      <c r="E80" s="5" t="s">
        <v>255</v>
      </c>
      <c r="F80" s="7">
        <v>4571</v>
      </c>
      <c r="G80" s="5" t="s">
        <v>226</v>
      </c>
      <c r="H80" s="6" t="s">
        <v>227</v>
      </c>
      <c r="I80" s="8">
        <v>43795</v>
      </c>
    </row>
    <row r="81" spans="1:9" ht="24" x14ac:dyDescent="0.2">
      <c r="A81" s="4">
        <v>43556</v>
      </c>
      <c r="B81" s="5" t="s">
        <v>8</v>
      </c>
      <c r="C81" s="5" t="s">
        <v>195</v>
      </c>
      <c r="D81" s="6" t="s">
        <v>256</v>
      </c>
      <c r="E81" s="5" t="s">
        <v>257</v>
      </c>
      <c r="F81" s="7">
        <v>8250</v>
      </c>
      <c r="G81" s="5" t="s">
        <v>258</v>
      </c>
      <c r="H81" s="6" t="s">
        <v>259</v>
      </c>
      <c r="I81" s="8">
        <v>43801</v>
      </c>
    </row>
    <row r="82" spans="1:9" ht="24" x14ac:dyDescent="0.2">
      <c r="A82" s="4">
        <v>43556</v>
      </c>
      <c r="B82" s="5" t="s">
        <v>8</v>
      </c>
      <c r="C82" s="5" t="s">
        <v>195</v>
      </c>
      <c r="D82" s="6" t="s">
        <v>260</v>
      </c>
      <c r="E82" s="5" t="s">
        <v>261</v>
      </c>
      <c r="F82" s="7">
        <v>14080</v>
      </c>
      <c r="G82" s="5" t="s">
        <v>198</v>
      </c>
      <c r="H82" s="6" t="s">
        <v>199</v>
      </c>
      <c r="I82" s="8">
        <v>43801</v>
      </c>
    </row>
    <row r="83" spans="1:9" ht="24" x14ac:dyDescent="0.2">
      <c r="A83" s="4">
        <v>43556</v>
      </c>
      <c r="B83" s="5" t="s">
        <v>8</v>
      </c>
      <c r="C83" s="5" t="s">
        <v>195</v>
      </c>
      <c r="D83" s="6" t="s">
        <v>262</v>
      </c>
      <c r="E83" s="5" t="s">
        <v>263</v>
      </c>
      <c r="F83" s="7">
        <v>26757</v>
      </c>
      <c r="G83" s="5" t="s">
        <v>258</v>
      </c>
      <c r="H83" s="6" t="s">
        <v>259</v>
      </c>
      <c r="I83" s="8">
        <v>43803</v>
      </c>
    </row>
    <row r="84" spans="1:9" ht="24" x14ac:dyDescent="0.2">
      <c r="A84" s="4">
        <v>43556</v>
      </c>
      <c r="B84" s="5" t="s">
        <v>8</v>
      </c>
      <c r="C84" s="5" t="s">
        <v>195</v>
      </c>
      <c r="D84" s="6" t="s">
        <v>264</v>
      </c>
      <c r="E84" s="5" t="s">
        <v>265</v>
      </c>
      <c r="F84" s="7">
        <v>6688</v>
      </c>
      <c r="G84" s="5" t="s">
        <v>266</v>
      </c>
      <c r="H84" s="6" t="s">
        <v>267</v>
      </c>
      <c r="I84" s="8">
        <v>43803</v>
      </c>
    </row>
    <row r="85" spans="1:9" ht="24" x14ac:dyDescent="0.2">
      <c r="A85" s="4">
        <v>43556</v>
      </c>
      <c r="B85" s="5" t="s">
        <v>8</v>
      </c>
      <c r="C85" s="5" t="s">
        <v>195</v>
      </c>
      <c r="D85" s="6" t="s">
        <v>268</v>
      </c>
      <c r="E85" s="5" t="s">
        <v>269</v>
      </c>
      <c r="F85" s="7">
        <v>17600</v>
      </c>
      <c r="G85" s="5" t="s">
        <v>270</v>
      </c>
      <c r="H85" s="6" t="s">
        <v>271</v>
      </c>
      <c r="I85" s="8">
        <v>43815</v>
      </c>
    </row>
    <row r="86" spans="1:9" ht="24" x14ac:dyDescent="0.2">
      <c r="A86" s="4">
        <v>43556</v>
      </c>
      <c r="B86" s="5" t="s">
        <v>8</v>
      </c>
      <c r="C86" s="5" t="s">
        <v>195</v>
      </c>
      <c r="D86" s="6" t="s">
        <v>272</v>
      </c>
      <c r="E86" s="5" t="s">
        <v>273</v>
      </c>
      <c r="F86" s="7">
        <v>10868</v>
      </c>
      <c r="G86" s="5" t="s">
        <v>206</v>
      </c>
      <c r="H86" s="6" t="s">
        <v>207</v>
      </c>
      <c r="I86" s="8">
        <v>43815</v>
      </c>
    </row>
    <row r="87" spans="1:9" ht="24" x14ac:dyDescent="0.2">
      <c r="A87" s="4">
        <v>43556</v>
      </c>
      <c r="B87" s="5" t="s">
        <v>8</v>
      </c>
      <c r="C87" s="5" t="s">
        <v>195</v>
      </c>
      <c r="D87" s="6" t="s">
        <v>274</v>
      </c>
      <c r="E87" s="5" t="s">
        <v>275</v>
      </c>
      <c r="F87" s="7">
        <v>39600</v>
      </c>
      <c r="G87" s="5" t="s">
        <v>240</v>
      </c>
      <c r="H87" s="6" t="s">
        <v>241</v>
      </c>
      <c r="I87" s="8">
        <v>43818</v>
      </c>
    </row>
    <row r="88" spans="1:9" ht="24" x14ac:dyDescent="0.2">
      <c r="A88" s="4">
        <v>43556</v>
      </c>
      <c r="B88" s="5" t="s">
        <v>8</v>
      </c>
      <c r="C88" s="5" t="s">
        <v>195</v>
      </c>
      <c r="D88" s="6" t="s">
        <v>276</v>
      </c>
      <c r="E88" s="5" t="s">
        <v>253</v>
      </c>
      <c r="F88" s="7">
        <v>61820</v>
      </c>
      <c r="G88" s="5" t="s">
        <v>210</v>
      </c>
      <c r="H88" s="6" t="s">
        <v>211</v>
      </c>
      <c r="I88" s="8">
        <v>43818</v>
      </c>
    </row>
    <row r="89" spans="1:9" ht="24" x14ac:dyDescent="0.2">
      <c r="A89" s="4">
        <v>43556</v>
      </c>
      <c r="B89" s="5" t="s">
        <v>8</v>
      </c>
      <c r="C89" s="5" t="s">
        <v>195</v>
      </c>
      <c r="D89" s="6" t="s">
        <v>277</v>
      </c>
      <c r="E89" s="5" t="s">
        <v>278</v>
      </c>
      <c r="F89" s="7">
        <v>8360</v>
      </c>
      <c r="G89" s="5" t="s">
        <v>250</v>
      </c>
      <c r="H89" s="6" t="s">
        <v>251</v>
      </c>
      <c r="I89" s="8">
        <v>43818</v>
      </c>
    </row>
    <row r="90" spans="1:9" ht="24" x14ac:dyDescent="0.2">
      <c r="A90" s="4">
        <v>43556</v>
      </c>
      <c r="B90" s="5" t="s">
        <v>8</v>
      </c>
      <c r="C90" s="5" t="s">
        <v>195</v>
      </c>
      <c r="D90" s="6" t="s">
        <v>279</v>
      </c>
      <c r="E90" s="5" t="s">
        <v>280</v>
      </c>
      <c r="F90" s="7">
        <v>238700</v>
      </c>
      <c r="G90" s="5" t="s">
        <v>281</v>
      </c>
      <c r="H90" s="6" t="s">
        <v>282</v>
      </c>
      <c r="I90" s="8">
        <v>43818</v>
      </c>
    </row>
    <row r="91" spans="1:9" ht="24" x14ac:dyDescent="0.2">
      <c r="A91" s="4">
        <v>43556</v>
      </c>
      <c r="B91" s="5" t="s">
        <v>8</v>
      </c>
      <c r="C91" s="5" t="s">
        <v>195</v>
      </c>
      <c r="D91" s="6" t="s">
        <v>283</v>
      </c>
      <c r="E91" s="5" t="s">
        <v>284</v>
      </c>
      <c r="F91" s="7">
        <v>352000</v>
      </c>
      <c r="G91" s="5" t="s">
        <v>210</v>
      </c>
      <c r="H91" s="6" t="s">
        <v>211</v>
      </c>
      <c r="I91" s="8">
        <v>43818</v>
      </c>
    </row>
    <row r="92" spans="1:9" ht="24" x14ac:dyDescent="0.2">
      <c r="A92" s="4">
        <v>43556</v>
      </c>
      <c r="B92" s="5" t="s">
        <v>8</v>
      </c>
      <c r="C92" s="5" t="s">
        <v>195</v>
      </c>
      <c r="D92" s="6" t="s">
        <v>285</v>
      </c>
      <c r="E92" s="5" t="s">
        <v>286</v>
      </c>
      <c r="F92" s="7">
        <v>7040</v>
      </c>
      <c r="G92" s="5" t="s">
        <v>226</v>
      </c>
      <c r="H92" s="6" t="s">
        <v>227</v>
      </c>
      <c r="I92" s="8">
        <v>43822</v>
      </c>
    </row>
    <row r="93" spans="1:9" ht="24" x14ac:dyDescent="0.2">
      <c r="A93" s="4">
        <v>43556</v>
      </c>
      <c r="B93" s="5" t="s">
        <v>8</v>
      </c>
      <c r="C93" s="5" t="s">
        <v>195</v>
      </c>
      <c r="D93" s="6" t="s">
        <v>287</v>
      </c>
      <c r="E93" s="5" t="s">
        <v>288</v>
      </c>
      <c r="F93" s="7">
        <v>715000</v>
      </c>
      <c r="G93" s="5" t="s">
        <v>289</v>
      </c>
      <c r="H93" s="6" t="s">
        <v>290</v>
      </c>
      <c r="I93" s="8">
        <v>43824</v>
      </c>
    </row>
    <row r="94" spans="1:9" ht="24" x14ac:dyDescent="0.2">
      <c r="A94" s="4">
        <v>43556</v>
      </c>
      <c r="B94" s="5" t="s">
        <v>8</v>
      </c>
      <c r="C94" s="5" t="s">
        <v>195</v>
      </c>
      <c r="D94" s="6" t="s">
        <v>291</v>
      </c>
      <c r="E94" s="5" t="s">
        <v>292</v>
      </c>
      <c r="F94" s="7">
        <v>9867</v>
      </c>
      <c r="G94" s="5" t="s">
        <v>293</v>
      </c>
      <c r="H94" s="6" t="s">
        <v>294</v>
      </c>
      <c r="I94" s="8">
        <v>43826</v>
      </c>
    </row>
    <row r="95" spans="1:9" ht="24" x14ac:dyDescent="0.2">
      <c r="A95" s="4">
        <v>43556</v>
      </c>
      <c r="B95" s="5" t="s">
        <v>8</v>
      </c>
      <c r="C95" s="5" t="s">
        <v>295</v>
      </c>
      <c r="D95" s="6" t="s">
        <v>296</v>
      </c>
      <c r="E95" s="5" t="s">
        <v>297</v>
      </c>
      <c r="F95" s="7">
        <v>12000</v>
      </c>
      <c r="G95" s="5" t="s">
        <v>298</v>
      </c>
      <c r="H95" s="6" t="s">
        <v>299</v>
      </c>
      <c r="I95" s="8">
        <v>43739</v>
      </c>
    </row>
    <row r="96" spans="1:9" ht="24" x14ac:dyDescent="0.2">
      <c r="A96" s="4">
        <v>43556</v>
      </c>
      <c r="B96" s="5" t="s">
        <v>8</v>
      </c>
      <c r="C96" s="5" t="s">
        <v>295</v>
      </c>
      <c r="D96" s="6" t="s">
        <v>300</v>
      </c>
      <c r="E96" s="5" t="s">
        <v>301</v>
      </c>
      <c r="F96" s="7">
        <v>199980</v>
      </c>
      <c r="G96" s="5" t="s">
        <v>302</v>
      </c>
      <c r="H96" s="6" t="s">
        <v>303</v>
      </c>
      <c r="I96" s="8">
        <v>43741</v>
      </c>
    </row>
    <row r="97" spans="1:9" ht="24" x14ac:dyDescent="0.2">
      <c r="A97" s="4">
        <v>43556</v>
      </c>
      <c r="B97" s="5" t="s">
        <v>8</v>
      </c>
      <c r="C97" s="5" t="s">
        <v>295</v>
      </c>
      <c r="D97" s="6" t="s">
        <v>304</v>
      </c>
      <c r="E97" s="5" t="s">
        <v>231</v>
      </c>
      <c r="F97" s="7">
        <v>1947</v>
      </c>
      <c r="G97" s="5" t="s">
        <v>305</v>
      </c>
      <c r="H97" s="6" t="s">
        <v>306</v>
      </c>
      <c r="I97" s="8">
        <v>43745</v>
      </c>
    </row>
    <row r="98" spans="1:9" ht="24" x14ac:dyDescent="0.2">
      <c r="A98" s="4">
        <v>43556</v>
      </c>
      <c r="B98" s="5" t="s">
        <v>8</v>
      </c>
      <c r="C98" s="5" t="s">
        <v>295</v>
      </c>
      <c r="D98" s="6" t="s">
        <v>307</v>
      </c>
      <c r="E98" s="5" t="s">
        <v>308</v>
      </c>
      <c r="F98" s="7">
        <v>1980</v>
      </c>
      <c r="G98" s="5" t="s">
        <v>309</v>
      </c>
      <c r="H98" s="6" t="s">
        <v>310</v>
      </c>
      <c r="I98" s="8">
        <v>43745</v>
      </c>
    </row>
    <row r="99" spans="1:9" ht="24" x14ac:dyDescent="0.2">
      <c r="A99" s="4">
        <v>43556</v>
      </c>
      <c r="B99" s="5" t="s">
        <v>8</v>
      </c>
      <c r="C99" s="5" t="s">
        <v>295</v>
      </c>
      <c r="D99" s="6" t="s">
        <v>311</v>
      </c>
      <c r="E99" s="5" t="s">
        <v>312</v>
      </c>
      <c r="F99" s="7">
        <v>57200</v>
      </c>
      <c r="G99" s="5" t="s">
        <v>313</v>
      </c>
      <c r="H99" s="6" t="s">
        <v>314</v>
      </c>
      <c r="I99" s="8">
        <v>43748</v>
      </c>
    </row>
    <row r="100" spans="1:9" ht="24" x14ac:dyDescent="0.2">
      <c r="A100" s="4">
        <v>43556</v>
      </c>
      <c r="B100" s="5" t="s">
        <v>8</v>
      </c>
      <c r="C100" s="5" t="s">
        <v>295</v>
      </c>
      <c r="D100" s="6" t="s">
        <v>315</v>
      </c>
      <c r="E100" s="5" t="s">
        <v>316</v>
      </c>
      <c r="F100" s="7">
        <v>49500</v>
      </c>
      <c r="G100" s="5" t="s">
        <v>317</v>
      </c>
      <c r="H100" s="6" t="s">
        <v>318</v>
      </c>
      <c r="I100" s="8">
        <v>43759</v>
      </c>
    </row>
    <row r="101" spans="1:9" ht="24" x14ac:dyDescent="0.2">
      <c r="A101" s="4">
        <v>43556</v>
      </c>
      <c r="B101" s="5" t="s">
        <v>8</v>
      </c>
      <c r="C101" s="5" t="s">
        <v>295</v>
      </c>
      <c r="D101" s="6" t="s">
        <v>319</v>
      </c>
      <c r="E101" s="5" t="s">
        <v>320</v>
      </c>
      <c r="F101" s="7">
        <v>43945</v>
      </c>
      <c r="G101" s="5" t="s">
        <v>321</v>
      </c>
      <c r="H101" s="6" t="s">
        <v>322</v>
      </c>
      <c r="I101" s="8">
        <v>43761</v>
      </c>
    </row>
    <row r="102" spans="1:9" x14ac:dyDescent="0.2">
      <c r="A102" s="4">
        <v>43556</v>
      </c>
      <c r="B102" s="5" t="s">
        <v>8</v>
      </c>
      <c r="C102" s="5" t="s">
        <v>295</v>
      </c>
      <c r="D102" s="6" t="s">
        <v>323</v>
      </c>
      <c r="E102" s="5" t="s">
        <v>324</v>
      </c>
      <c r="F102" s="7">
        <v>31020</v>
      </c>
      <c r="G102" s="5" t="s">
        <v>325</v>
      </c>
      <c r="H102" s="6" t="s">
        <v>40</v>
      </c>
      <c r="I102" s="8">
        <v>43761</v>
      </c>
    </row>
    <row r="103" spans="1:9" ht="24" x14ac:dyDescent="0.2">
      <c r="A103" s="4">
        <v>43556</v>
      </c>
      <c r="B103" s="5" t="s">
        <v>8</v>
      </c>
      <c r="C103" s="5" t="s">
        <v>295</v>
      </c>
      <c r="D103" s="6" t="s">
        <v>326</v>
      </c>
      <c r="E103" s="5" t="s">
        <v>327</v>
      </c>
      <c r="F103" s="7">
        <v>46475</v>
      </c>
      <c r="G103" s="5" t="s">
        <v>302</v>
      </c>
      <c r="H103" s="6" t="s">
        <v>303</v>
      </c>
      <c r="I103" s="8">
        <v>43768</v>
      </c>
    </row>
    <row r="104" spans="1:9" ht="24" x14ac:dyDescent="0.2">
      <c r="A104" s="4">
        <v>43556</v>
      </c>
      <c r="B104" s="5" t="s">
        <v>8</v>
      </c>
      <c r="C104" s="5" t="s">
        <v>295</v>
      </c>
      <c r="D104" s="6" t="s">
        <v>328</v>
      </c>
      <c r="E104" s="5" t="s">
        <v>329</v>
      </c>
      <c r="F104" s="7">
        <v>29337</v>
      </c>
      <c r="G104" s="5" t="s">
        <v>321</v>
      </c>
      <c r="H104" s="6" t="s">
        <v>322</v>
      </c>
      <c r="I104" s="8">
        <v>43770</v>
      </c>
    </row>
    <row r="105" spans="1:9" ht="24" x14ac:dyDescent="0.2">
      <c r="A105" s="4">
        <v>43556</v>
      </c>
      <c r="B105" s="5" t="s">
        <v>8</v>
      </c>
      <c r="C105" s="5" t="s">
        <v>295</v>
      </c>
      <c r="D105" s="6" t="s">
        <v>330</v>
      </c>
      <c r="E105" s="5" t="s">
        <v>331</v>
      </c>
      <c r="F105" s="7">
        <v>21000</v>
      </c>
      <c r="G105" s="5" t="s">
        <v>298</v>
      </c>
      <c r="H105" s="6" t="s">
        <v>299</v>
      </c>
      <c r="I105" s="8">
        <v>43777</v>
      </c>
    </row>
    <row r="106" spans="1:9" ht="24" x14ac:dyDescent="0.2">
      <c r="A106" s="4">
        <v>43556</v>
      </c>
      <c r="B106" s="5" t="s">
        <v>8</v>
      </c>
      <c r="C106" s="5" t="s">
        <v>295</v>
      </c>
      <c r="D106" s="6" t="s">
        <v>332</v>
      </c>
      <c r="E106" s="5" t="s">
        <v>25</v>
      </c>
      <c r="F106" s="7">
        <v>34619</v>
      </c>
      <c r="G106" s="5" t="s">
        <v>333</v>
      </c>
      <c r="H106" s="6" t="s">
        <v>227</v>
      </c>
      <c r="I106" s="8">
        <v>43790</v>
      </c>
    </row>
    <row r="107" spans="1:9" x14ac:dyDescent="0.2">
      <c r="A107" s="4">
        <v>43556</v>
      </c>
      <c r="B107" s="5" t="s">
        <v>8</v>
      </c>
      <c r="C107" s="5" t="s">
        <v>295</v>
      </c>
      <c r="D107" s="6" t="s">
        <v>334</v>
      </c>
      <c r="E107" s="5" t="s">
        <v>335</v>
      </c>
      <c r="F107" s="7">
        <v>83006</v>
      </c>
      <c r="G107" s="5" t="s">
        <v>325</v>
      </c>
      <c r="H107" s="6" t="s">
        <v>40</v>
      </c>
      <c r="I107" s="8">
        <v>43798</v>
      </c>
    </row>
    <row r="108" spans="1:9" ht="24" x14ac:dyDescent="0.2">
      <c r="A108" s="4">
        <v>43556</v>
      </c>
      <c r="B108" s="5" t="s">
        <v>8</v>
      </c>
      <c r="C108" s="5" t="s">
        <v>295</v>
      </c>
      <c r="D108" s="6" t="s">
        <v>336</v>
      </c>
      <c r="E108" s="5" t="s">
        <v>337</v>
      </c>
      <c r="F108" s="7">
        <v>75900</v>
      </c>
      <c r="G108" s="5" t="s">
        <v>338</v>
      </c>
      <c r="H108" s="6" t="s">
        <v>339</v>
      </c>
      <c r="I108" s="8">
        <v>43801</v>
      </c>
    </row>
    <row r="109" spans="1:9" ht="24" x14ac:dyDescent="0.2">
      <c r="A109" s="4">
        <v>43556</v>
      </c>
      <c r="B109" s="5" t="s">
        <v>8</v>
      </c>
      <c r="C109" s="5" t="s">
        <v>295</v>
      </c>
      <c r="D109" s="6" t="s">
        <v>340</v>
      </c>
      <c r="E109" s="5" t="s">
        <v>341</v>
      </c>
      <c r="F109" s="7">
        <v>27192</v>
      </c>
      <c r="G109" s="5" t="s">
        <v>321</v>
      </c>
      <c r="H109" s="6" t="s">
        <v>322</v>
      </c>
      <c r="I109" s="8">
        <v>43801</v>
      </c>
    </row>
    <row r="110" spans="1:9" ht="24" x14ac:dyDescent="0.2">
      <c r="A110" s="4">
        <v>43556</v>
      </c>
      <c r="B110" s="5" t="s">
        <v>8</v>
      </c>
      <c r="C110" s="5" t="s">
        <v>295</v>
      </c>
      <c r="D110" s="6" t="s">
        <v>342</v>
      </c>
      <c r="E110" s="5" t="s">
        <v>343</v>
      </c>
      <c r="F110" s="7">
        <v>179520</v>
      </c>
      <c r="G110" s="5" t="s">
        <v>321</v>
      </c>
      <c r="H110" s="6" t="s">
        <v>322</v>
      </c>
      <c r="I110" s="8">
        <v>43803</v>
      </c>
    </row>
    <row r="111" spans="1:9" ht="24" x14ac:dyDescent="0.2">
      <c r="A111" s="4">
        <v>43556</v>
      </c>
      <c r="B111" s="5" t="s">
        <v>8</v>
      </c>
      <c r="C111" s="5" t="s">
        <v>295</v>
      </c>
      <c r="D111" s="6" t="s">
        <v>344</v>
      </c>
      <c r="E111" s="5" t="s">
        <v>345</v>
      </c>
      <c r="F111" s="7">
        <v>198000</v>
      </c>
      <c r="G111" s="5" t="s">
        <v>346</v>
      </c>
      <c r="H111" s="6" t="s">
        <v>347</v>
      </c>
      <c r="I111" s="8">
        <v>43804</v>
      </c>
    </row>
    <row r="112" spans="1:9" ht="24" x14ac:dyDescent="0.2">
      <c r="A112" s="4">
        <v>43556</v>
      </c>
      <c r="B112" s="5" t="s">
        <v>8</v>
      </c>
      <c r="C112" s="5" t="s">
        <v>295</v>
      </c>
      <c r="D112" s="6" t="s">
        <v>348</v>
      </c>
      <c r="E112" s="5" t="s">
        <v>349</v>
      </c>
      <c r="F112" s="7">
        <v>65835</v>
      </c>
      <c r="G112" s="5" t="s">
        <v>302</v>
      </c>
      <c r="H112" s="6" t="s">
        <v>303</v>
      </c>
      <c r="I112" s="8">
        <v>43805</v>
      </c>
    </row>
    <row r="113" spans="1:9" ht="24" x14ac:dyDescent="0.2">
      <c r="A113" s="4">
        <v>43556</v>
      </c>
      <c r="B113" s="5" t="s">
        <v>8</v>
      </c>
      <c r="C113" s="5" t="s">
        <v>295</v>
      </c>
      <c r="D113" s="6" t="s">
        <v>350</v>
      </c>
      <c r="E113" s="5" t="s">
        <v>351</v>
      </c>
      <c r="F113" s="7">
        <v>188210</v>
      </c>
      <c r="G113" s="5" t="s">
        <v>352</v>
      </c>
      <c r="H113" s="6" t="s">
        <v>353</v>
      </c>
      <c r="I113" s="8">
        <v>43808</v>
      </c>
    </row>
    <row r="114" spans="1:9" ht="24" x14ac:dyDescent="0.2">
      <c r="A114" s="4">
        <v>43556</v>
      </c>
      <c r="B114" s="5" t="s">
        <v>8</v>
      </c>
      <c r="C114" s="5" t="s">
        <v>295</v>
      </c>
      <c r="D114" s="6" t="s">
        <v>354</v>
      </c>
      <c r="E114" s="5" t="s">
        <v>355</v>
      </c>
      <c r="F114" s="7">
        <v>193050</v>
      </c>
      <c r="G114" s="5" t="s">
        <v>356</v>
      </c>
      <c r="H114" s="6" t="s">
        <v>357</v>
      </c>
      <c r="I114" s="8">
        <v>43810</v>
      </c>
    </row>
    <row r="115" spans="1:9" ht="24" x14ac:dyDescent="0.2">
      <c r="A115" s="4">
        <v>43556</v>
      </c>
      <c r="B115" s="5" t="s">
        <v>8</v>
      </c>
      <c r="C115" s="5" t="s">
        <v>295</v>
      </c>
      <c r="D115" s="6" t="s">
        <v>358</v>
      </c>
      <c r="E115" s="5" t="s">
        <v>359</v>
      </c>
      <c r="F115" s="7">
        <v>1569150</v>
      </c>
      <c r="G115" s="5" t="s">
        <v>360</v>
      </c>
      <c r="H115" s="6" t="s">
        <v>361</v>
      </c>
      <c r="I115" s="8">
        <v>43818</v>
      </c>
    </row>
    <row r="116" spans="1:9" ht="24" x14ac:dyDescent="0.2">
      <c r="A116" s="4">
        <v>43556</v>
      </c>
      <c r="B116" s="5" t="s">
        <v>8</v>
      </c>
      <c r="C116" s="5" t="s">
        <v>295</v>
      </c>
      <c r="D116" s="6" t="s">
        <v>362</v>
      </c>
      <c r="E116" s="5" t="s">
        <v>363</v>
      </c>
      <c r="F116" s="7">
        <v>49737</v>
      </c>
      <c r="G116" s="5" t="s">
        <v>364</v>
      </c>
      <c r="H116" s="6" t="s">
        <v>365</v>
      </c>
      <c r="I116" s="8">
        <v>43818</v>
      </c>
    </row>
    <row r="117" spans="1:9" ht="24" x14ac:dyDescent="0.2">
      <c r="A117" s="4">
        <v>43556</v>
      </c>
      <c r="B117" s="5" t="s">
        <v>8</v>
      </c>
      <c r="C117" s="5" t="s">
        <v>295</v>
      </c>
      <c r="D117" s="6" t="s">
        <v>366</v>
      </c>
      <c r="E117" s="5" t="s">
        <v>367</v>
      </c>
      <c r="F117" s="7">
        <v>58000</v>
      </c>
      <c r="G117" s="5" t="s">
        <v>298</v>
      </c>
      <c r="H117" s="6" t="s">
        <v>299</v>
      </c>
      <c r="I117" s="8">
        <v>43819</v>
      </c>
    </row>
    <row r="118" spans="1:9" ht="24" x14ac:dyDescent="0.2">
      <c r="A118" s="4">
        <v>43556</v>
      </c>
      <c r="B118" s="5" t="s">
        <v>8</v>
      </c>
      <c r="C118" s="5" t="s">
        <v>295</v>
      </c>
      <c r="D118" s="6" t="s">
        <v>368</v>
      </c>
      <c r="E118" s="5" t="s">
        <v>369</v>
      </c>
      <c r="F118" s="7">
        <v>8514</v>
      </c>
      <c r="G118" s="5" t="s">
        <v>333</v>
      </c>
      <c r="H118" s="6" t="s">
        <v>227</v>
      </c>
      <c r="I118" s="8">
        <v>43823</v>
      </c>
    </row>
    <row r="119" spans="1:9" ht="24" x14ac:dyDescent="0.2">
      <c r="A119" s="4">
        <v>43556</v>
      </c>
      <c r="B119" s="5" t="s">
        <v>8</v>
      </c>
      <c r="C119" s="5" t="s">
        <v>295</v>
      </c>
      <c r="D119" s="6" t="s">
        <v>370</v>
      </c>
      <c r="E119" s="5" t="s">
        <v>371</v>
      </c>
      <c r="F119" s="7">
        <v>13200</v>
      </c>
      <c r="G119" s="5" t="s">
        <v>372</v>
      </c>
      <c r="H119" s="6" t="s">
        <v>227</v>
      </c>
      <c r="I119" s="8">
        <v>43823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82" fitToHeight="0" orientation="landscape" r:id="rId1"/>
  <headerFooter>
    <oddFooter>&amp;P / &amp;N ページ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公表用</vt:lpstr>
      <vt:lpstr>公表用!Print_Area</vt:lpstr>
      <vt:lpstr>公表用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0-03-13T10:18:10Z</cp:lastPrinted>
  <dcterms:created xsi:type="dcterms:W3CDTF">2020-03-13T10:16:03Z</dcterms:created>
  <dcterms:modified xsi:type="dcterms:W3CDTF">2020-03-26T05:23:35Z</dcterms:modified>
</cp:coreProperties>
</file>